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tif" ContentType="image/tiff"/>
  <Default Extension="tiff" ContentType="image/tif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41"/>
  </p:notesMasterIdLst>
  <p:sldIdLst>
    <p:sldId id="256" r:id="rId2"/>
    <p:sldId id="260" r:id="rId3"/>
    <p:sldId id="261" r:id="rId4"/>
    <p:sldId id="257" r:id="rId5"/>
    <p:sldId id="302" r:id="rId6"/>
    <p:sldId id="263" r:id="rId7"/>
    <p:sldId id="1102" r:id="rId8"/>
    <p:sldId id="283" r:id="rId9"/>
    <p:sldId id="1120" r:id="rId10"/>
    <p:sldId id="274" r:id="rId11"/>
    <p:sldId id="1105" r:id="rId12"/>
    <p:sldId id="266" r:id="rId13"/>
    <p:sldId id="1100" r:id="rId14"/>
    <p:sldId id="267" r:id="rId15"/>
    <p:sldId id="287" r:id="rId16"/>
    <p:sldId id="289" r:id="rId17"/>
    <p:sldId id="290" r:id="rId18"/>
    <p:sldId id="1106" r:id="rId19"/>
    <p:sldId id="1118" r:id="rId20"/>
    <p:sldId id="293" r:id="rId21"/>
    <p:sldId id="272" r:id="rId22"/>
    <p:sldId id="1107" r:id="rId23"/>
    <p:sldId id="1108" r:id="rId24"/>
    <p:sldId id="1112" r:id="rId25"/>
    <p:sldId id="490" r:id="rId26"/>
    <p:sldId id="1115" r:id="rId27"/>
    <p:sldId id="473" r:id="rId28"/>
    <p:sldId id="1113" r:id="rId29"/>
    <p:sldId id="1083" r:id="rId30"/>
    <p:sldId id="1086" r:id="rId31"/>
    <p:sldId id="1085" r:id="rId32"/>
    <p:sldId id="1119" r:id="rId33"/>
    <p:sldId id="1097" r:id="rId34"/>
    <p:sldId id="1093" r:id="rId35"/>
    <p:sldId id="1116" r:id="rId36"/>
    <p:sldId id="1121" r:id="rId37"/>
    <p:sldId id="1117" r:id="rId38"/>
    <p:sldId id="1081" r:id="rId39"/>
    <p:sldId id="1089" r:id="rId40"/>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Gail Cross" initials="GC" lastIdx="1" clrIdx="0">
    <p:extLst>
      <p:ext uri="{19B8F6BF-5375-455C-9EA6-DF929625EA0E}">
        <p15:presenceInfo xmlns:p15="http://schemas.microsoft.com/office/powerpoint/2012/main" userId="9e0fbb2e9583deed" providerId="Windows Liv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EB344D84-9AFB-497E-A393-DC336BA19D2E}" styleName="Medium Style 3 - Accent 3">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3"/>
          </a:solidFill>
        </a:fill>
      </a:tcStyle>
    </a:lastCol>
    <a:firstCol>
      <a:tcTxStyle b="on">
        <a:fontRef idx="minor">
          <a:scrgbClr r="0" g="0" b="0"/>
        </a:fontRef>
        <a:schemeClr val="lt1"/>
      </a:tcTxStyle>
      <a:tcStyle>
        <a:tcBdr/>
        <a:fill>
          <a:solidFill>
            <a:schemeClr val="accent3"/>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3"/>
          </a:solidFill>
        </a:fill>
      </a:tcStyle>
    </a:firstRow>
  </a:tblStyle>
  <a:tblStyle styleId="{0505E3EF-67EA-436B-97B2-0124C06EBD24}" styleName="Medium Style 4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w="12700" cmpd="sng">
              <a:solidFill>
                <a:schemeClr val="accent3"/>
              </a:solidFill>
            </a:ln>
          </a:insideV>
        </a:tcBdr>
        <a:fill>
          <a:solidFill>
            <a:schemeClr val="accent3">
              <a:tint val="20000"/>
            </a:schemeClr>
          </a:solidFill>
        </a:fill>
      </a:tcStyle>
    </a:wholeTbl>
    <a:band1H>
      <a:tcStyle>
        <a:tcBdr/>
        <a:fill>
          <a:solidFill>
            <a:schemeClr val="accent3">
              <a:tint val="40000"/>
            </a:schemeClr>
          </a:solidFill>
        </a:fill>
      </a:tcStyle>
    </a:band1H>
    <a:band1V>
      <a:tcStyle>
        <a:tcBdr/>
        <a:fill>
          <a:solidFill>
            <a:schemeClr val="accent3">
              <a:tint val="40000"/>
            </a:schemeClr>
          </a:solidFill>
        </a:fill>
      </a:tcStyle>
    </a:band1V>
    <a:lastCol>
      <a:tcTxStyle b="on"/>
      <a:tcStyle>
        <a:tcBdr/>
      </a:tcStyle>
    </a:lastCol>
    <a:firstCol>
      <a:tcTxStyle b="on"/>
      <a:tcStyle>
        <a:tcBdr/>
      </a:tcStyle>
    </a:firstCol>
    <a:lastRow>
      <a:tcTxStyle b="on"/>
      <a:tcStyle>
        <a:tcBdr>
          <a:top>
            <a:ln w="25400" cmpd="sng">
              <a:solidFill>
                <a:schemeClr val="accent3"/>
              </a:solidFill>
            </a:ln>
          </a:top>
        </a:tcBdr>
        <a:fill>
          <a:solidFill>
            <a:schemeClr val="accent3">
              <a:tint val="20000"/>
            </a:schemeClr>
          </a:solidFill>
        </a:fill>
      </a:tcStyle>
    </a:lastRow>
    <a:firstRow>
      <a:tcTxStyle b="on"/>
      <a:tcStyle>
        <a:tcBdr/>
        <a:fill>
          <a:solidFill>
            <a:schemeClr val="accent3">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7985" autoAdjust="0"/>
    <p:restoredTop sz="93792" autoAdjust="0"/>
  </p:normalViewPr>
  <p:slideViewPr>
    <p:cSldViewPr snapToGrid="0">
      <p:cViewPr varScale="1">
        <p:scale>
          <a:sx n="67" d="100"/>
          <a:sy n="67" d="100"/>
        </p:scale>
        <p:origin x="980" y="32"/>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51" d="100"/>
          <a:sy n="51" d="100"/>
        </p:scale>
        <p:origin x="2692" y="2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commentAuthors" Target="commentAuthors.xml"/><Relationship Id="rId47" Type="http://schemas.microsoft.com/office/2016/11/relationships/changesInfo" Target="changesInfos/changesInfo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presProps" Target="presProp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notesMaster" Target="notesMasters/notesMaster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Gail Cross" userId="9e0fbb2e9583deed" providerId="LiveId" clId="{A07FF165-3693-497D-A997-D009FB519B94}"/>
    <pc:docChg chg="undo redo custSel addSld delSld modSld sldOrd addMainMaster delMainMaster modMainMaster modShowInfo">
      <pc:chgData name="Gail Cross" userId="9e0fbb2e9583deed" providerId="LiveId" clId="{A07FF165-3693-497D-A997-D009FB519B94}" dt="2021-04-26T08:40:19.812" v="64011" actId="1038"/>
      <pc:docMkLst>
        <pc:docMk/>
      </pc:docMkLst>
      <pc:sldChg chg="addSp delSp modSp mod modNotesTx">
        <pc:chgData name="Gail Cross" userId="9e0fbb2e9583deed" providerId="LiveId" clId="{A07FF165-3693-497D-A997-D009FB519B94}" dt="2021-04-15T05:09:14.393" v="62221" actId="20577"/>
        <pc:sldMkLst>
          <pc:docMk/>
          <pc:sldMk cId="284831902" sldId="257"/>
        </pc:sldMkLst>
        <pc:spChg chg="mod">
          <ac:chgData name="Gail Cross" userId="9e0fbb2e9583deed" providerId="LiveId" clId="{A07FF165-3693-497D-A997-D009FB519B94}" dt="2021-04-15T05:04:23.994" v="61391" actId="1076"/>
          <ac:spMkLst>
            <pc:docMk/>
            <pc:sldMk cId="284831902" sldId="257"/>
            <ac:spMk id="2" creationId="{C784444C-1551-450A-A2CB-EC8B005EF260}"/>
          </ac:spMkLst>
        </pc:spChg>
        <pc:spChg chg="del mod">
          <ac:chgData name="Gail Cross" userId="9e0fbb2e9583deed" providerId="LiveId" clId="{A07FF165-3693-497D-A997-D009FB519B94}" dt="2021-04-13T08:30:40.693" v="22907" actId="478"/>
          <ac:spMkLst>
            <pc:docMk/>
            <pc:sldMk cId="284831902" sldId="257"/>
            <ac:spMk id="5" creationId="{B0454D85-68DF-40BB-9721-1569DFD54939}"/>
          </ac:spMkLst>
        </pc:spChg>
        <pc:spChg chg="del mod">
          <ac:chgData name="Gail Cross" userId="9e0fbb2e9583deed" providerId="LiveId" clId="{A07FF165-3693-497D-A997-D009FB519B94}" dt="2021-04-13T08:30:44.217" v="22908" actId="478"/>
          <ac:spMkLst>
            <pc:docMk/>
            <pc:sldMk cId="284831902" sldId="257"/>
            <ac:spMk id="6" creationId="{B43196B5-A134-4981-8C2B-DCABB54E68D7}"/>
          </ac:spMkLst>
        </pc:spChg>
        <pc:spChg chg="add del mod">
          <ac:chgData name="Gail Cross" userId="9e0fbb2e9583deed" providerId="LiveId" clId="{A07FF165-3693-497D-A997-D009FB519B94}" dt="2021-04-14T02:44:28.861" v="27414" actId="478"/>
          <ac:spMkLst>
            <pc:docMk/>
            <pc:sldMk cId="284831902" sldId="257"/>
            <ac:spMk id="8" creationId="{16625538-7228-4795-BB3D-746154A7C63D}"/>
          </ac:spMkLst>
        </pc:spChg>
        <pc:spChg chg="add del mod">
          <ac:chgData name="Gail Cross" userId="9e0fbb2e9583deed" providerId="LiveId" clId="{A07FF165-3693-497D-A997-D009FB519B94}" dt="2021-04-14T02:44:35.996" v="27416" actId="478"/>
          <ac:spMkLst>
            <pc:docMk/>
            <pc:sldMk cId="284831902" sldId="257"/>
            <ac:spMk id="9" creationId="{FB548304-F66E-45D7-BD7B-B3D0D0912399}"/>
          </ac:spMkLst>
        </pc:spChg>
        <pc:spChg chg="add mod">
          <ac:chgData name="Gail Cross" userId="9e0fbb2e9583deed" providerId="LiveId" clId="{A07FF165-3693-497D-A997-D009FB519B94}" dt="2021-04-14T02:46:13.894" v="27545" actId="1076"/>
          <ac:spMkLst>
            <pc:docMk/>
            <pc:sldMk cId="284831902" sldId="257"/>
            <ac:spMk id="10" creationId="{A0A255C4-C24B-4F83-BAA3-665AF7D0474D}"/>
          </ac:spMkLst>
        </pc:spChg>
        <pc:picChg chg="add mod">
          <ac:chgData name="Gail Cross" userId="9e0fbb2e9583deed" providerId="LiveId" clId="{A07FF165-3693-497D-A997-D009FB519B94}" dt="2021-04-15T05:04:04.419" v="61377" actId="14100"/>
          <ac:picMkLst>
            <pc:docMk/>
            <pc:sldMk cId="284831902" sldId="257"/>
            <ac:picMk id="3" creationId="{B361B900-F812-4DBA-9B21-268753ECD0C8}"/>
          </ac:picMkLst>
        </pc:picChg>
        <pc:picChg chg="del mod ord">
          <ac:chgData name="Gail Cross" userId="9e0fbb2e9583deed" providerId="LiveId" clId="{A07FF165-3693-497D-A997-D009FB519B94}" dt="2021-04-13T08:33:37.373" v="22917" actId="478"/>
          <ac:picMkLst>
            <pc:docMk/>
            <pc:sldMk cId="284831902" sldId="257"/>
            <ac:picMk id="4" creationId="{60942947-3953-4623-A7A8-4A3CF225591F}"/>
          </ac:picMkLst>
        </pc:picChg>
        <pc:picChg chg="add mod">
          <ac:chgData name="Gail Cross" userId="9e0fbb2e9583deed" providerId="LiveId" clId="{A07FF165-3693-497D-A997-D009FB519B94}" dt="2021-04-15T05:04:08.903" v="61379" actId="1076"/>
          <ac:picMkLst>
            <pc:docMk/>
            <pc:sldMk cId="284831902" sldId="257"/>
            <ac:picMk id="7" creationId="{00D1BA00-ADC6-4AFB-B56E-795B31E2CD3D}"/>
          </ac:picMkLst>
        </pc:picChg>
      </pc:sldChg>
      <pc:sldChg chg="addSp modSp mod">
        <pc:chgData name="Gail Cross" userId="9e0fbb2e9583deed" providerId="LiveId" clId="{A07FF165-3693-497D-A997-D009FB519B94}" dt="2021-04-15T03:06:45.716" v="58946" actId="113"/>
        <pc:sldMkLst>
          <pc:docMk/>
          <pc:sldMk cId="4288026065" sldId="260"/>
        </pc:sldMkLst>
        <pc:spChg chg="mod">
          <ac:chgData name="Gail Cross" userId="9e0fbb2e9583deed" providerId="LiveId" clId="{A07FF165-3693-497D-A997-D009FB519B94}" dt="2021-04-14T15:37:26.511" v="38630" actId="255"/>
          <ac:spMkLst>
            <pc:docMk/>
            <pc:sldMk cId="4288026065" sldId="260"/>
            <ac:spMk id="2" creationId="{7C7EBABE-CA53-4F25-80AB-F9DE093C9504}"/>
          </ac:spMkLst>
        </pc:spChg>
        <pc:spChg chg="mod">
          <ac:chgData name="Gail Cross" userId="9e0fbb2e9583deed" providerId="LiveId" clId="{A07FF165-3693-497D-A997-D009FB519B94}" dt="2021-04-15T03:06:45.716" v="58946" actId="113"/>
          <ac:spMkLst>
            <pc:docMk/>
            <pc:sldMk cId="4288026065" sldId="260"/>
            <ac:spMk id="3" creationId="{5D5D9A02-2C4B-43B2-9167-D660F8007E74}"/>
          </ac:spMkLst>
        </pc:spChg>
        <pc:picChg chg="add mod">
          <ac:chgData name="Gail Cross" userId="9e0fbb2e9583deed" providerId="LiveId" clId="{A07FF165-3693-497D-A997-D009FB519B94}" dt="2021-04-14T02:39:42.841" v="27356" actId="1076"/>
          <ac:picMkLst>
            <pc:docMk/>
            <pc:sldMk cId="4288026065" sldId="260"/>
            <ac:picMk id="4" creationId="{E7D8D41A-DEAA-4489-B908-4F5D6D772918}"/>
          </ac:picMkLst>
        </pc:picChg>
      </pc:sldChg>
      <pc:sldChg chg="addSp delSp modSp add del mod ord modNotesTx">
        <pc:chgData name="Gail Cross" userId="9e0fbb2e9583deed" providerId="LiveId" clId="{A07FF165-3693-497D-A997-D009FB519B94}" dt="2021-04-15T05:03:15.082" v="61331" actId="20577"/>
        <pc:sldMkLst>
          <pc:docMk/>
          <pc:sldMk cId="1912686249" sldId="261"/>
        </pc:sldMkLst>
        <pc:spChg chg="add del mod ord">
          <ac:chgData name="Gail Cross" userId="9e0fbb2e9583deed" providerId="LiveId" clId="{A07FF165-3693-497D-A997-D009FB519B94}" dt="2021-04-14T17:23:21.135" v="58626" actId="478"/>
          <ac:spMkLst>
            <pc:docMk/>
            <pc:sldMk cId="1912686249" sldId="261"/>
            <ac:spMk id="3" creationId="{320939D1-021D-454E-B2B4-8004A84E43D0}"/>
          </ac:spMkLst>
        </pc:spChg>
        <pc:spChg chg="add del mod">
          <ac:chgData name="Gail Cross" userId="9e0fbb2e9583deed" providerId="LiveId" clId="{A07FF165-3693-497D-A997-D009FB519B94}" dt="2021-04-14T17:23:24.273" v="58627" actId="478"/>
          <ac:spMkLst>
            <pc:docMk/>
            <pc:sldMk cId="1912686249" sldId="261"/>
            <ac:spMk id="8" creationId="{90C741E8-047C-4E90-BD6A-B2747A85C3F2}"/>
          </ac:spMkLst>
        </pc:spChg>
        <pc:spChg chg="del">
          <ac:chgData name="Gail Cross" userId="9e0fbb2e9583deed" providerId="LiveId" clId="{A07FF165-3693-497D-A997-D009FB519B94}" dt="2021-04-14T03:06:37.167" v="27592" actId="26606"/>
          <ac:spMkLst>
            <pc:docMk/>
            <pc:sldMk cId="1912686249" sldId="261"/>
            <ac:spMk id="9" creationId="{42A4FC2C-047E-45A5-965D-8E1E3BF09BC6}"/>
          </ac:spMkLst>
        </pc:spChg>
        <pc:spChg chg="add mod">
          <ac:chgData name="Gail Cross" userId="9e0fbb2e9583deed" providerId="LiveId" clId="{A07FF165-3693-497D-A997-D009FB519B94}" dt="2021-04-14T17:25:02.199" v="58751" actId="121"/>
          <ac:spMkLst>
            <pc:docMk/>
            <pc:sldMk cId="1912686249" sldId="261"/>
            <ac:spMk id="10" creationId="{02D7B579-0861-4717-B77A-3B9B14DE70B3}"/>
          </ac:spMkLst>
        </pc:spChg>
        <pc:spChg chg="add del">
          <ac:chgData name="Gail Cross" userId="9e0fbb2e9583deed" providerId="LiveId" clId="{A07FF165-3693-497D-A997-D009FB519B94}" dt="2021-04-14T03:07:57.262" v="27803" actId="26606"/>
          <ac:spMkLst>
            <pc:docMk/>
            <pc:sldMk cId="1912686249" sldId="261"/>
            <ac:spMk id="14" creationId="{325166D1-1B21-4128-AC42-61745528E4D6}"/>
          </ac:spMkLst>
        </pc:spChg>
        <pc:spChg chg="add del">
          <ac:chgData name="Gail Cross" userId="9e0fbb2e9583deed" providerId="LiveId" clId="{A07FF165-3693-497D-A997-D009FB519B94}" dt="2021-04-14T03:08:09.138" v="27807" actId="26606"/>
          <ac:spMkLst>
            <pc:docMk/>
            <pc:sldMk cId="1912686249" sldId="261"/>
            <ac:spMk id="23" creationId="{1BF4DD63-CE83-4A2A-994E-8598C22E6FCF}"/>
          </ac:spMkLst>
        </pc:spChg>
        <pc:spChg chg="add del">
          <ac:chgData name="Gail Cross" userId="9e0fbb2e9583deed" providerId="LiveId" clId="{A07FF165-3693-497D-A997-D009FB519B94}" dt="2021-04-14T03:08:09.138" v="27807" actId="26606"/>
          <ac:spMkLst>
            <pc:docMk/>
            <pc:sldMk cId="1912686249" sldId="261"/>
            <ac:spMk id="25" creationId="{127393A7-D6DA-410B-8699-AA56B57BF7BA}"/>
          </ac:spMkLst>
        </pc:spChg>
        <pc:spChg chg="add del">
          <ac:chgData name="Gail Cross" userId="9e0fbb2e9583deed" providerId="LiveId" clId="{A07FF165-3693-497D-A997-D009FB519B94}" dt="2021-04-14T03:08:09.138" v="27807" actId="26606"/>
          <ac:spMkLst>
            <pc:docMk/>
            <pc:sldMk cId="1912686249" sldId="261"/>
            <ac:spMk id="27" creationId="{8EC44C88-69E3-42EE-86E8-9B45F712B769}"/>
          </ac:spMkLst>
        </pc:spChg>
        <pc:spChg chg="add del">
          <ac:chgData name="Gail Cross" userId="9e0fbb2e9583deed" providerId="LiveId" clId="{A07FF165-3693-497D-A997-D009FB519B94}" dt="2021-04-14T03:08:09.129" v="27806" actId="26606"/>
          <ac:spMkLst>
            <pc:docMk/>
            <pc:sldMk cId="1912686249" sldId="261"/>
            <ac:spMk id="32" creationId="{C3D6EC93-F369-413E-AA67-5D4104161046}"/>
          </ac:spMkLst>
        </pc:spChg>
        <pc:spChg chg="add">
          <ac:chgData name="Gail Cross" userId="9e0fbb2e9583deed" providerId="LiveId" clId="{A07FF165-3693-497D-A997-D009FB519B94}" dt="2021-04-14T03:08:09.138" v="27807" actId="26606"/>
          <ac:spMkLst>
            <pc:docMk/>
            <pc:sldMk cId="1912686249" sldId="261"/>
            <ac:spMk id="38" creationId="{E862BE82-D00D-42C1-BF16-93AA37870C32}"/>
          </ac:spMkLst>
        </pc:spChg>
        <pc:spChg chg="add">
          <ac:chgData name="Gail Cross" userId="9e0fbb2e9583deed" providerId="LiveId" clId="{A07FF165-3693-497D-A997-D009FB519B94}" dt="2021-04-14T03:08:09.138" v="27807" actId="26606"/>
          <ac:spMkLst>
            <pc:docMk/>
            <pc:sldMk cId="1912686249" sldId="261"/>
            <ac:spMk id="39" creationId="{F6D92C2D-1D3D-4974-918C-06579FB354A9}"/>
          </ac:spMkLst>
        </pc:spChg>
        <pc:grpChg chg="add del">
          <ac:chgData name="Gail Cross" userId="9e0fbb2e9583deed" providerId="LiveId" clId="{A07FF165-3693-497D-A997-D009FB519B94}" dt="2021-04-14T03:07:57.262" v="27803" actId="26606"/>
          <ac:grpSpMkLst>
            <pc:docMk/>
            <pc:sldMk cId="1912686249" sldId="261"/>
            <ac:grpSpMk id="16" creationId="{E6517BAC-C80F-4065-90D8-703493E0B353}"/>
          </ac:grpSpMkLst>
        </pc:grpChg>
        <pc:grpChg chg="add del">
          <ac:chgData name="Gail Cross" userId="9e0fbb2e9583deed" providerId="LiveId" clId="{A07FF165-3693-497D-A997-D009FB519B94}" dt="2021-04-14T03:08:09.129" v="27806" actId="26606"/>
          <ac:grpSpMkLst>
            <pc:docMk/>
            <pc:sldMk cId="1912686249" sldId="261"/>
            <ac:grpSpMk id="34" creationId="{4EA04677-6B2C-40F4-975C-ED9196552771}"/>
          </ac:grpSpMkLst>
        </pc:grpChg>
        <pc:picChg chg="del">
          <ac:chgData name="Gail Cross" userId="9e0fbb2e9583deed" providerId="LiveId" clId="{A07FF165-3693-497D-A997-D009FB519B94}" dt="2021-04-14T03:06:27.456" v="27589" actId="478"/>
          <ac:picMkLst>
            <pc:docMk/>
            <pc:sldMk cId="1912686249" sldId="261"/>
            <ac:picMk id="4" creationId="{D98C4C1E-F45B-4DAC-A6F9-20549178C3B2}"/>
          </ac:picMkLst>
        </pc:picChg>
        <pc:picChg chg="add del mod ord">
          <ac:chgData name="Gail Cross" userId="9e0fbb2e9583deed" providerId="LiveId" clId="{A07FF165-3693-497D-A997-D009FB519B94}" dt="2021-04-14T17:22:59.878" v="58622" actId="478"/>
          <ac:picMkLst>
            <pc:docMk/>
            <pc:sldMk cId="1912686249" sldId="261"/>
            <ac:picMk id="6" creationId="{4C16C7DA-3DE3-42A8-9F6C-BB7A8A610E3A}"/>
          </ac:picMkLst>
        </pc:picChg>
        <pc:picChg chg="add mod">
          <ac:chgData name="Gail Cross" userId="9e0fbb2e9583deed" providerId="LiveId" clId="{A07FF165-3693-497D-A997-D009FB519B94}" dt="2021-04-14T17:23:27.341" v="58628" actId="1076"/>
          <ac:picMkLst>
            <pc:docMk/>
            <pc:sldMk cId="1912686249" sldId="261"/>
            <ac:picMk id="4098" creationId="{A119FA47-ABF7-4731-8549-D0EE253C8E5A}"/>
          </ac:picMkLst>
        </pc:picChg>
      </pc:sldChg>
      <pc:sldChg chg="addSp delSp modSp del mod">
        <pc:chgData name="Gail Cross" userId="9e0fbb2e9583deed" providerId="LiveId" clId="{A07FF165-3693-497D-A997-D009FB519B94}" dt="2021-04-13T08:16:40.794" v="22857" actId="47"/>
        <pc:sldMkLst>
          <pc:docMk/>
          <pc:sldMk cId="242302921" sldId="262"/>
        </pc:sldMkLst>
        <pc:spChg chg="add del mod">
          <ac:chgData name="Gail Cross" userId="9e0fbb2e9583deed" providerId="LiveId" clId="{A07FF165-3693-497D-A997-D009FB519B94}" dt="2021-04-13T06:04:00.976" v="19079" actId="21"/>
          <ac:spMkLst>
            <pc:docMk/>
            <pc:sldMk cId="242302921" sldId="262"/>
            <ac:spMk id="6" creationId="{6E02F7D6-20D2-451F-B87E-79FD8989409C}"/>
          </ac:spMkLst>
        </pc:spChg>
        <pc:picChg chg="del">
          <ac:chgData name="Gail Cross" userId="9e0fbb2e9583deed" providerId="LiveId" clId="{A07FF165-3693-497D-A997-D009FB519B94}" dt="2021-04-13T06:02:50.183" v="19070" actId="21"/>
          <ac:picMkLst>
            <pc:docMk/>
            <pc:sldMk cId="242302921" sldId="262"/>
            <ac:picMk id="5" creationId="{EB73BEAB-94E7-4314-9236-92FE4A3B14B8}"/>
          </ac:picMkLst>
        </pc:picChg>
      </pc:sldChg>
      <pc:sldChg chg="modSp mod ord modNotesTx">
        <pc:chgData name="Gail Cross" userId="9e0fbb2e9583deed" providerId="LiveId" clId="{A07FF165-3693-497D-A997-D009FB519B94}" dt="2021-04-14T06:26:02.567" v="32066" actId="1076"/>
        <pc:sldMkLst>
          <pc:docMk/>
          <pc:sldMk cId="2588576181" sldId="263"/>
        </pc:sldMkLst>
        <pc:spChg chg="mod">
          <ac:chgData name="Gail Cross" userId="9e0fbb2e9583deed" providerId="LiveId" clId="{A07FF165-3693-497D-A997-D009FB519B94}" dt="2021-04-14T06:25:49.558" v="32063" actId="20577"/>
          <ac:spMkLst>
            <pc:docMk/>
            <pc:sldMk cId="2588576181" sldId="263"/>
            <ac:spMk id="2" creationId="{71B4D4AB-BC1B-4D7B-A213-F42C36ED7D1E}"/>
          </ac:spMkLst>
        </pc:spChg>
        <pc:spChg chg="mod">
          <ac:chgData name="Gail Cross" userId="9e0fbb2e9583deed" providerId="LiveId" clId="{A07FF165-3693-497D-A997-D009FB519B94}" dt="2021-04-14T06:26:02.567" v="32066" actId="1076"/>
          <ac:spMkLst>
            <pc:docMk/>
            <pc:sldMk cId="2588576181" sldId="263"/>
            <ac:spMk id="6" creationId="{4DEE5335-E359-46DD-8CFA-7FEFDAED0F97}"/>
          </ac:spMkLst>
        </pc:spChg>
        <pc:picChg chg="mod">
          <ac:chgData name="Gail Cross" userId="9e0fbb2e9583deed" providerId="LiveId" clId="{A07FF165-3693-497D-A997-D009FB519B94}" dt="2021-04-14T06:25:54.981" v="32064" actId="1076"/>
          <ac:picMkLst>
            <pc:docMk/>
            <pc:sldMk cId="2588576181" sldId="263"/>
            <ac:picMk id="4" creationId="{0208B142-012D-4FFB-9CE9-D1F28EC8F567}"/>
          </ac:picMkLst>
        </pc:picChg>
      </pc:sldChg>
      <pc:sldChg chg="addSp delSp modSp del mod ord modShow modNotesTx">
        <pc:chgData name="Gail Cross" userId="9e0fbb2e9583deed" providerId="LiveId" clId="{A07FF165-3693-497D-A997-D009FB519B94}" dt="2021-04-14T13:17:08.654" v="34999" actId="2696"/>
        <pc:sldMkLst>
          <pc:docMk/>
          <pc:sldMk cId="93954860" sldId="264"/>
        </pc:sldMkLst>
        <pc:spChg chg="mod">
          <ac:chgData name="Gail Cross" userId="9e0fbb2e9583deed" providerId="LiveId" clId="{A07FF165-3693-497D-A997-D009FB519B94}" dt="2021-04-14T13:05:26.673" v="34468" actId="20577"/>
          <ac:spMkLst>
            <pc:docMk/>
            <pc:sldMk cId="93954860" sldId="264"/>
            <ac:spMk id="2" creationId="{793EC3BC-0D88-4E07-8C43-6B7E49068EF4}"/>
          </ac:spMkLst>
        </pc:spChg>
        <pc:spChg chg="del mod">
          <ac:chgData name="Gail Cross" userId="9e0fbb2e9583deed" providerId="LiveId" clId="{A07FF165-3693-497D-A997-D009FB519B94}" dt="2021-04-12T07:08:02.236" v="765" actId="22"/>
          <ac:spMkLst>
            <pc:docMk/>
            <pc:sldMk cId="93954860" sldId="264"/>
            <ac:spMk id="3" creationId="{61057705-9665-46A5-BC95-0E9A4D027D75}"/>
          </ac:spMkLst>
        </pc:spChg>
        <pc:spChg chg="add del mod">
          <ac:chgData name="Gail Cross" userId="9e0fbb2e9583deed" providerId="LiveId" clId="{A07FF165-3693-497D-A997-D009FB519B94}" dt="2021-04-13T02:27:06.163" v="7862"/>
          <ac:spMkLst>
            <pc:docMk/>
            <pc:sldMk cId="93954860" sldId="264"/>
            <ac:spMk id="4" creationId="{16185A1C-67FC-405F-AE5B-C6DCA1A6B014}"/>
          </ac:spMkLst>
        </pc:spChg>
        <pc:spChg chg="add mod">
          <ac:chgData name="Gail Cross" userId="9e0fbb2e9583deed" providerId="LiveId" clId="{A07FF165-3693-497D-A997-D009FB519B94}" dt="2021-04-13T02:28:39.773" v="7881" actId="1076"/>
          <ac:spMkLst>
            <pc:docMk/>
            <pc:sldMk cId="93954860" sldId="264"/>
            <ac:spMk id="7" creationId="{8C11EA36-234C-4B7D-B717-ED0126C75921}"/>
          </ac:spMkLst>
        </pc:spChg>
        <pc:spChg chg="add mod">
          <ac:chgData name="Gail Cross" userId="9e0fbb2e9583deed" providerId="LiveId" clId="{A07FF165-3693-497D-A997-D009FB519B94}" dt="2021-04-13T02:28:32.717" v="7879" actId="1076"/>
          <ac:spMkLst>
            <pc:docMk/>
            <pc:sldMk cId="93954860" sldId="264"/>
            <ac:spMk id="8" creationId="{115F1FE0-4D99-4080-9C0D-41D2F4FC31EF}"/>
          </ac:spMkLst>
        </pc:spChg>
        <pc:spChg chg="add mod">
          <ac:chgData name="Gail Cross" userId="9e0fbb2e9583deed" providerId="LiveId" clId="{A07FF165-3693-497D-A997-D009FB519B94}" dt="2021-04-13T02:28:41.299" v="7882" actId="1076"/>
          <ac:spMkLst>
            <pc:docMk/>
            <pc:sldMk cId="93954860" sldId="264"/>
            <ac:spMk id="9" creationId="{8A471F1F-6C92-45AE-8555-36DE0879F275}"/>
          </ac:spMkLst>
        </pc:spChg>
        <pc:picChg chg="add del mod ord">
          <ac:chgData name="Gail Cross" userId="9e0fbb2e9583deed" providerId="LiveId" clId="{A07FF165-3693-497D-A997-D009FB519B94}" dt="2021-04-13T02:26:49.187" v="7861" actId="478"/>
          <ac:picMkLst>
            <pc:docMk/>
            <pc:sldMk cId="93954860" sldId="264"/>
            <ac:picMk id="5" creationId="{5E29C28A-2C78-4EFB-A105-E7A3A3299E36}"/>
          </ac:picMkLst>
        </pc:picChg>
        <pc:picChg chg="add mod modCrop">
          <ac:chgData name="Gail Cross" userId="9e0fbb2e9583deed" providerId="LiveId" clId="{A07FF165-3693-497D-A997-D009FB519B94}" dt="2021-04-13T02:27:26.192" v="7867" actId="14100"/>
          <ac:picMkLst>
            <pc:docMk/>
            <pc:sldMk cId="93954860" sldId="264"/>
            <ac:picMk id="6" creationId="{34EDE8D3-F418-41D9-AE6B-8845B70FF8E5}"/>
          </ac:picMkLst>
        </pc:picChg>
        <pc:picChg chg="add del mod">
          <ac:chgData name="Gail Cross" userId="9e0fbb2e9583deed" providerId="LiveId" clId="{A07FF165-3693-497D-A997-D009FB519B94}" dt="2021-04-12T15:10:28.435" v="6271" actId="478"/>
          <ac:picMkLst>
            <pc:docMk/>
            <pc:sldMk cId="93954860" sldId="264"/>
            <ac:picMk id="7" creationId="{A24EBF86-2834-4E74-984A-6B7C76CEB360}"/>
          </ac:picMkLst>
        </pc:picChg>
      </pc:sldChg>
      <pc:sldChg chg="del">
        <pc:chgData name="Gail Cross" userId="9e0fbb2e9583deed" providerId="LiveId" clId="{A07FF165-3693-497D-A997-D009FB519B94}" dt="2021-04-12T15:26:50.720" v="7604" actId="47"/>
        <pc:sldMkLst>
          <pc:docMk/>
          <pc:sldMk cId="352850545" sldId="265"/>
        </pc:sldMkLst>
      </pc:sldChg>
      <pc:sldChg chg="addSp delSp modSp mod ord">
        <pc:chgData name="Gail Cross" userId="9e0fbb2e9583deed" providerId="LiveId" clId="{A07FF165-3693-497D-A997-D009FB519B94}" dt="2021-04-15T10:39:11.987" v="62679" actId="20577"/>
        <pc:sldMkLst>
          <pc:docMk/>
          <pc:sldMk cId="3060738822" sldId="266"/>
        </pc:sldMkLst>
        <pc:spChg chg="del">
          <ac:chgData name="Gail Cross" userId="9e0fbb2e9583deed" providerId="LiveId" clId="{A07FF165-3693-497D-A997-D009FB519B94}" dt="2021-04-12T15:29:14.657" v="7628"/>
          <ac:spMkLst>
            <pc:docMk/>
            <pc:sldMk cId="3060738822" sldId="266"/>
            <ac:spMk id="3" creationId="{412872D9-EAF3-48DB-8E82-FEB594750D52}"/>
          </ac:spMkLst>
        </pc:spChg>
        <pc:spChg chg="add mod ord">
          <ac:chgData name="Gail Cross" userId="9e0fbb2e9583deed" providerId="LiveId" clId="{A07FF165-3693-497D-A997-D009FB519B94}" dt="2021-04-14T13:13:25.998" v="34800" actId="20577"/>
          <ac:spMkLst>
            <pc:docMk/>
            <pc:sldMk cId="3060738822" sldId="266"/>
            <ac:spMk id="5" creationId="{6E205029-65DE-425F-BFBD-CE2C6A37640D}"/>
          </ac:spMkLst>
        </pc:spChg>
        <pc:spChg chg="add mod ord">
          <ac:chgData name="Gail Cross" userId="9e0fbb2e9583deed" providerId="LiveId" clId="{A07FF165-3693-497D-A997-D009FB519B94}" dt="2021-04-15T10:39:04.105" v="62675" actId="20577"/>
          <ac:spMkLst>
            <pc:docMk/>
            <pc:sldMk cId="3060738822" sldId="266"/>
            <ac:spMk id="6" creationId="{37E8CE0F-B4CA-438A-9353-4391B72BA0F5}"/>
          </ac:spMkLst>
        </pc:spChg>
        <pc:spChg chg="add mod ord">
          <ac:chgData name="Gail Cross" userId="9e0fbb2e9583deed" providerId="LiveId" clId="{A07FF165-3693-497D-A997-D009FB519B94}" dt="2021-04-13T11:59:07.308" v="27117" actId="1076"/>
          <ac:spMkLst>
            <pc:docMk/>
            <pc:sldMk cId="3060738822" sldId="266"/>
            <ac:spMk id="7" creationId="{34F73652-7298-4B02-A8A2-33D3FA2334B7}"/>
          </ac:spMkLst>
        </pc:spChg>
        <pc:spChg chg="add del mod">
          <ac:chgData name="Gail Cross" userId="9e0fbb2e9583deed" providerId="LiveId" clId="{A07FF165-3693-497D-A997-D009FB519B94}" dt="2021-04-13T02:45:33.604" v="8481" actId="22"/>
          <ac:spMkLst>
            <pc:docMk/>
            <pc:sldMk cId="3060738822" sldId="266"/>
            <ac:spMk id="8" creationId="{BECAA305-08EC-4229-B950-9860B6DE5C35}"/>
          </ac:spMkLst>
        </pc:spChg>
        <pc:spChg chg="add del mod">
          <ac:chgData name="Gail Cross" userId="9e0fbb2e9583deed" providerId="LiveId" clId="{A07FF165-3693-497D-A997-D009FB519B94}" dt="2021-04-14T13:12:40.965" v="34789" actId="478"/>
          <ac:spMkLst>
            <pc:docMk/>
            <pc:sldMk cId="3060738822" sldId="266"/>
            <ac:spMk id="11" creationId="{DBE8C80B-C561-4241-88B7-AC2E2DD22C08}"/>
          </ac:spMkLst>
        </pc:spChg>
        <pc:spChg chg="add del mod">
          <ac:chgData name="Gail Cross" userId="9e0fbb2e9583deed" providerId="LiveId" clId="{A07FF165-3693-497D-A997-D009FB519B94}" dt="2021-04-14T13:10:44.499" v="34663" actId="478"/>
          <ac:spMkLst>
            <pc:docMk/>
            <pc:sldMk cId="3060738822" sldId="266"/>
            <ac:spMk id="12" creationId="{C6B78504-060D-4143-8C90-DAFFD4949BC1}"/>
          </ac:spMkLst>
        </pc:spChg>
        <pc:spChg chg="add mod">
          <ac:chgData name="Gail Cross" userId="9e0fbb2e9583deed" providerId="LiveId" clId="{A07FF165-3693-497D-A997-D009FB519B94}" dt="2021-04-15T10:39:07.889" v="62677" actId="20577"/>
          <ac:spMkLst>
            <pc:docMk/>
            <pc:sldMk cId="3060738822" sldId="266"/>
            <ac:spMk id="13" creationId="{7E8A1E7B-CCA3-4F29-9384-DAC9547FD450}"/>
          </ac:spMkLst>
        </pc:spChg>
        <pc:spChg chg="add del">
          <ac:chgData name="Gail Cross" userId="9e0fbb2e9583deed" providerId="LiveId" clId="{A07FF165-3693-497D-A997-D009FB519B94}" dt="2021-04-14T13:12:47.431" v="34791" actId="478"/>
          <ac:spMkLst>
            <pc:docMk/>
            <pc:sldMk cId="3060738822" sldId="266"/>
            <ac:spMk id="14" creationId="{E9FD2E80-DA92-4432-8C28-67A41C8B5CC6}"/>
          </ac:spMkLst>
        </pc:spChg>
        <pc:spChg chg="add mod">
          <ac:chgData name="Gail Cross" userId="9e0fbb2e9583deed" providerId="LiveId" clId="{A07FF165-3693-497D-A997-D009FB519B94}" dt="2021-04-14T13:13:38.390" v="34801" actId="14100"/>
          <ac:spMkLst>
            <pc:docMk/>
            <pc:sldMk cId="3060738822" sldId="266"/>
            <ac:spMk id="15" creationId="{A28C9171-4E81-474B-B78D-502B973850EB}"/>
          </ac:spMkLst>
        </pc:spChg>
        <pc:spChg chg="add mod">
          <ac:chgData name="Gail Cross" userId="9e0fbb2e9583deed" providerId="LiveId" clId="{A07FF165-3693-497D-A997-D009FB519B94}" dt="2021-04-15T10:39:11.987" v="62679" actId="20577"/>
          <ac:spMkLst>
            <pc:docMk/>
            <pc:sldMk cId="3060738822" sldId="266"/>
            <ac:spMk id="16" creationId="{9E5CA977-EF8A-4000-950A-2741C5F5BE61}"/>
          </ac:spMkLst>
        </pc:spChg>
        <pc:picChg chg="add del mod">
          <ac:chgData name="Gail Cross" userId="9e0fbb2e9583deed" providerId="LiveId" clId="{A07FF165-3693-497D-A997-D009FB519B94}" dt="2021-04-13T02:45:31.256" v="8480" actId="478"/>
          <ac:picMkLst>
            <pc:docMk/>
            <pc:sldMk cId="3060738822" sldId="266"/>
            <ac:picMk id="4" creationId="{C15FC2E6-8B52-4984-8983-8959A19AE158}"/>
          </ac:picMkLst>
        </pc:picChg>
        <pc:picChg chg="add mod ord modCrop">
          <ac:chgData name="Gail Cross" userId="9e0fbb2e9583deed" providerId="LiveId" clId="{A07FF165-3693-497D-A997-D009FB519B94}" dt="2021-04-13T11:59:02.603" v="27115" actId="1076"/>
          <ac:picMkLst>
            <pc:docMk/>
            <pc:sldMk cId="3060738822" sldId="266"/>
            <ac:picMk id="10" creationId="{47E2363D-DE2E-4201-927E-307E2944515B}"/>
          </ac:picMkLst>
        </pc:picChg>
      </pc:sldChg>
      <pc:sldChg chg="addSp delSp modSp mod ord modAnim modNotesTx">
        <pc:chgData name="Gail Cross" userId="9e0fbb2e9583deed" providerId="LiveId" clId="{A07FF165-3693-497D-A997-D009FB519B94}" dt="2021-04-15T10:41:02.590" v="62681"/>
        <pc:sldMkLst>
          <pc:docMk/>
          <pc:sldMk cId="604859420" sldId="267"/>
        </pc:sldMkLst>
        <pc:spChg chg="mod">
          <ac:chgData name="Gail Cross" userId="9e0fbb2e9583deed" providerId="LiveId" clId="{A07FF165-3693-497D-A997-D009FB519B94}" dt="2021-04-14T15:45:24.601" v="38646" actId="20577"/>
          <ac:spMkLst>
            <pc:docMk/>
            <pc:sldMk cId="604859420" sldId="267"/>
            <ac:spMk id="2" creationId="{81E4D436-A940-44F9-9FBC-9741CF2AC6F4}"/>
          </ac:spMkLst>
        </pc:spChg>
        <pc:spChg chg="del">
          <ac:chgData name="Gail Cross" userId="9e0fbb2e9583deed" providerId="LiveId" clId="{A07FF165-3693-497D-A997-D009FB519B94}" dt="2021-04-13T02:48:44.334" v="8897" actId="22"/>
          <ac:spMkLst>
            <pc:docMk/>
            <pc:sldMk cId="604859420" sldId="267"/>
            <ac:spMk id="3" creationId="{A550180A-95BE-4231-B6C6-EECA77AFDB46}"/>
          </ac:spMkLst>
        </pc:spChg>
        <pc:spChg chg="add del mod">
          <ac:chgData name="Gail Cross" userId="9e0fbb2e9583deed" providerId="LiveId" clId="{A07FF165-3693-497D-A997-D009FB519B94}" dt="2021-04-13T02:56:52.156" v="9375" actId="21"/>
          <ac:spMkLst>
            <pc:docMk/>
            <pc:sldMk cId="604859420" sldId="267"/>
            <ac:spMk id="6" creationId="{BF85FFE4-1DE8-4587-BA08-E0081CED6798}"/>
          </ac:spMkLst>
        </pc:spChg>
        <pc:spChg chg="add mod">
          <ac:chgData name="Gail Cross" userId="9e0fbb2e9583deed" providerId="LiveId" clId="{A07FF165-3693-497D-A997-D009FB519B94}" dt="2021-04-14T13:22:14.302" v="35202" actId="1076"/>
          <ac:spMkLst>
            <pc:docMk/>
            <pc:sldMk cId="604859420" sldId="267"/>
            <ac:spMk id="9" creationId="{D4FE41F1-E552-41B3-A2EB-F797AC58A3E2}"/>
          </ac:spMkLst>
        </pc:spChg>
        <pc:spChg chg="add del mod">
          <ac:chgData name="Gail Cross" userId="9e0fbb2e9583deed" providerId="LiveId" clId="{A07FF165-3693-497D-A997-D009FB519B94}" dt="2021-04-13T03:17:42.620" v="10320"/>
          <ac:spMkLst>
            <pc:docMk/>
            <pc:sldMk cId="604859420" sldId="267"/>
            <ac:spMk id="11" creationId="{E6DA10C9-12A3-45C1-A9F3-5F73334DA802}"/>
          </ac:spMkLst>
        </pc:spChg>
        <pc:spChg chg="add del mod">
          <ac:chgData name="Gail Cross" userId="9e0fbb2e9583deed" providerId="LiveId" clId="{A07FF165-3693-497D-A997-D009FB519B94}" dt="2021-04-14T13:30:54.912" v="35577" actId="14100"/>
          <ac:spMkLst>
            <pc:docMk/>
            <pc:sldMk cId="604859420" sldId="267"/>
            <ac:spMk id="13" creationId="{B80FBF53-8313-47CD-9C80-FF31594AD549}"/>
          </ac:spMkLst>
        </pc:spChg>
        <pc:spChg chg="add del mod">
          <ac:chgData name="Gail Cross" userId="9e0fbb2e9583deed" providerId="LiveId" clId="{A07FF165-3693-497D-A997-D009FB519B94}" dt="2021-04-14T13:31:00.742" v="35579" actId="14100"/>
          <ac:spMkLst>
            <pc:docMk/>
            <pc:sldMk cId="604859420" sldId="267"/>
            <ac:spMk id="14" creationId="{B8EDFBE6-E6C3-415B-9580-6EB59BD8EBD7}"/>
          </ac:spMkLst>
        </pc:spChg>
        <pc:spChg chg="add del mod">
          <ac:chgData name="Gail Cross" userId="9e0fbb2e9583deed" providerId="LiveId" clId="{A07FF165-3693-497D-A997-D009FB519B94}" dt="2021-04-13T04:08:42.324" v="13330" actId="1035"/>
          <ac:spMkLst>
            <pc:docMk/>
            <pc:sldMk cId="604859420" sldId="267"/>
            <ac:spMk id="15" creationId="{8FFEB035-EBB0-4433-B68A-0F01F19A5C3D}"/>
          </ac:spMkLst>
        </pc:spChg>
        <pc:spChg chg="add del mod">
          <ac:chgData name="Gail Cross" userId="9e0fbb2e9583deed" providerId="LiveId" clId="{A07FF165-3693-497D-A997-D009FB519B94}" dt="2021-04-13T04:08:05.442" v="13164" actId="1076"/>
          <ac:spMkLst>
            <pc:docMk/>
            <pc:sldMk cId="604859420" sldId="267"/>
            <ac:spMk id="16" creationId="{AF814BF9-26A9-4330-9144-BE4D17650DA3}"/>
          </ac:spMkLst>
        </pc:spChg>
        <pc:spChg chg="add del mod">
          <ac:chgData name="Gail Cross" userId="9e0fbb2e9583deed" providerId="LiveId" clId="{A07FF165-3693-497D-A997-D009FB519B94}" dt="2021-04-13T04:07:31.759" v="13157" actId="478"/>
          <ac:spMkLst>
            <pc:docMk/>
            <pc:sldMk cId="604859420" sldId="267"/>
            <ac:spMk id="20" creationId="{64D67C62-A5CA-48DC-A56E-FD350C4313DE}"/>
          </ac:spMkLst>
        </pc:spChg>
        <pc:spChg chg="add mod">
          <ac:chgData name="Gail Cross" userId="9e0fbb2e9583deed" providerId="LiveId" clId="{A07FF165-3693-497D-A997-D009FB519B94}" dt="2021-04-14T13:32:34.740" v="35582" actId="1076"/>
          <ac:spMkLst>
            <pc:docMk/>
            <pc:sldMk cId="604859420" sldId="267"/>
            <ac:spMk id="23" creationId="{9A0D9C4B-59CC-4A5F-B9F0-B884FD2AEB86}"/>
          </ac:spMkLst>
        </pc:spChg>
        <pc:spChg chg="add mod">
          <ac:chgData name="Gail Cross" userId="9e0fbb2e9583deed" providerId="LiveId" clId="{A07FF165-3693-497D-A997-D009FB519B94}" dt="2021-04-14T13:32:53.785" v="35583" actId="1076"/>
          <ac:spMkLst>
            <pc:docMk/>
            <pc:sldMk cId="604859420" sldId="267"/>
            <ac:spMk id="24" creationId="{CBEAFD8A-E515-4716-B3ED-2651C36B8F31}"/>
          </ac:spMkLst>
        </pc:spChg>
        <pc:picChg chg="add del mod ord">
          <ac:chgData name="Gail Cross" userId="9e0fbb2e9583deed" providerId="LiveId" clId="{A07FF165-3693-497D-A997-D009FB519B94}" dt="2021-04-13T03:17:29.648" v="10316" actId="478"/>
          <ac:picMkLst>
            <pc:docMk/>
            <pc:sldMk cId="604859420" sldId="267"/>
            <ac:picMk id="5" creationId="{6B7F359D-4B1F-4778-90DA-832E3572C820}"/>
          </ac:picMkLst>
        </pc:picChg>
        <pc:picChg chg="add del mod">
          <ac:chgData name="Gail Cross" userId="9e0fbb2e9583deed" providerId="LiveId" clId="{A07FF165-3693-497D-A997-D009FB519B94}" dt="2021-04-13T03:17:38.107" v="10318" actId="21"/>
          <ac:picMkLst>
            <pc:docMk/>
            <pc:sldMk cId="604859420" sldId="267"/>
            <ac:picMk id="8" creationId="{CEC416F1-E347-4EB1-B43A-A2CDFA41DBEB}"/>
          </ac:picMkLst>
        </pc:picChg>
        <pc:picChg chg="add del mod">
          <ac:chgData name="Gail Cross" userId="9e0fbb2e9583deed" providerId="LiveId" clId="{A07FF165-3693-497D-A997-D009FB519B94}" dt="2021-04-13T04:07:59.607" v="13163" actId="1076"/>
          <ac:picMkLst>
            <pc:docMk/>
            <pc:sldMk cId="604859420" sldId="267"/>
            <ac:picMk id="12" creationId="{15ED0E81-205F-4322-9B85-F119316D6584}"/>
          </ac:picMkLst>
        </pc:picChg>
        <pc:picChg chg="add del mod">
          <ac:chgData name="Gail Cross" userId="9e0fbb2e9583deed" providerId="LiveId" clId="{A07FF165-3693-497D-A997-D009FB519B94}" dt="2021-04-13T04:07:33.467" v="13160" actId="931"/>
          <ac:picMkLst>
            <pc:docMk/>
            <pc:sldMk cId="604859420" sldId="267"/>
            <ac:picMk id="18" creationId="{5937E415-BCA2-4720-B20F-9E21F1EB8E96}"/>
          </ac:picMkLst>
        </pc:picChg>
        <pc:picChg chg="add mod">
          <ac:chgData name="Gail Cross" userId="9e0fbb2e9583deed" providerId="LiveId" clId="{A07FF165-3693-497D-A997-D009FB519B94}" dt="2021-04-13T04:08:59.923" v="13333" actId="1076"/>
          <ac:picMkLst>
            <pc:docMk/>
            <pc:sldMk cId="604859420" sldId="267"/>
            <ac:picMk id="22" creationId="{A8F457C2-E52B-48C5-91C5-25BDCACB0CCE}"/>
          </ac:picMkLst>
        </pc:picChg>
      </pc:sldChg>
      <pc:sldChg chg="addSp delSp modSp mod ord modShow modNotesTx">
        <pc:chgData name="Gail Cross" userId="9e0fbb2e9583deed" providerId="LiveId" clId="{A07FF165-3693-497D-A997-D009FB519B94}" dt="2021-04-14T17:25:51.120" v="58752" actId="729"/>
        <pc:sldMkLst>
          <pc:docMk/>
          <pc:sldMk cId="829382881" sldId="268"/>
        </pc:sldMkLst>
        <pc:spChg chg="mod">
          <ac:chgData name="Gail Cross" userId="9e0fbb2e9583deed" providerId="LiveId" clId="{A07FF165-3693-497D-A997-D009FB519B94}" dt="2021-04-13T03:36:57.179" v="11662" actId="20577"/>
          <ac:spMkLst>
            <pc:docMk/>
            <pc:sldMk cId="829382881" sldId="268"/>
            <ac:spMk id="2" creationId="{73B19233-36BC-410E-A858-006CEA2CEC8F}"/>
          </ac:spMkLst>
        </pc:spChg>
        <pc:spChg chg="del">
          <ac:chgData name="Gail Cross" userId="9e0fbb2e9583deed" providerId="LiveId" clId="{A07FF165-3693-497D-A997-D009FB519B94}" dt="2021-04-13T03:32:53.512" v="11057" actId="22"/>
          <ac:spMkLst>
            <pc:docMk/>
            <pc:sldMk cId="829382881" sldId="268"/>
            <ac:spMk id="3" creationId="{E365A856-C74C-46D4-A01B-721E743E72DE}"/>
          </ac:spMkLst>
        </pc:spChg>
        <pc:spChg chg="add mod">
          <ac:chgData name="Gail Cross" userId="9e0fbb2e9583deed" providerId="LiveId" clId="{A07FF165-3693-497D-A997-D009FB519B94}" dt="2021-04-13T03:54:38.210" v="12885" actId="21"/>
          <ac:spMkLst>
            <pc:docMk/>
            <pc:sldMk cId="829382881" sldId="268"/>
            <ac:spMk id="10" creationId="{65273114-EBB2-4D7F-8CFA-EEDDF29B15C5}"/>
          </ac:spMkLst>
        </pc:spChg>
        <pc:picChg chg="add del mod ord">
          <ac:chgData name="Gail Cross" userId="9e0fbb2e9583deed" providerId="LiveId" clId="{A07FF165-3693-497D-A997-D009FB519B94}" dt="2021-04-13T03:54:38.210" v="12885" actId="21"/>
          <ac:picMkLst>
            <pc:docMk/>
            <pc:sldMk cId="829382881" sldId="268"/>
            <ac:picMk id="5" creationId="{A15A3F64-27AA-4EB9-B75A-FD150EFB3634}"/>
          </ac:picMkLst>
        </pc:picChg>
        <pc:picChg chg="add del mod">
          <ac:chgData name="Gail Cross" userId="9e0fbb2e9583deed" providerId="LiveId" clId="{A07FF165-3693-497D-A997-D009FB519B94}" dt="2021-04-13T03:51:33.241" v="12862" actId="21"/>
          <ac:picMkLst>
            <pc:docMk/>
            <pc:sldMk cId="829382881" sldId="268"/>
            <ac:picMk id="7" creationId="{034C6F78-73D4-4016-AE57-BAB055848235}"/>
          </ac:picMkLst>
        </pc:picChg>
        <pc:picChg chg="add mod">
          <ac:chgData name="Gail Cross" userId="9e0fbb2e9583deed" providerId="LiveId" clId="{A07FF165-3693-497D-A997-D009FB519B94}" dt="2021-04-13T03:53:46.561" v="12881"/>
          <ac:picMkLst>
            <pc:docMk/>
            <pc:sldMk cId="829382881" sldId="268"/>
            <ac:picMk id="8" creationId="{08E41351-861E-4FF1-BBAE-ED171E4F0C5E}"/>
          </ac:picMkLst>
        </pc:picChg>
      </pc:sldChg>
      <pc:sldChg chg="del ord">
        <pc:chgData name="Gail Cross" userId="9e0fbb2e9583deed" providerId="LiveId" clId="{A07FF165-3693-497D-A997-D009FB519B94}" dt="2021-04-14T17:13:17.044" v="58614" actId="47"/>
        <pc:sldMkLst>
          <pc:docMk/>
          <pc:sldMk cId="2852929365" sldId="269"/>
        </pc:sldMkLst>
      </pc:sldChg>
      <pc:sldChg chg="del ord">
        <pc:chgData name="Gail Cross" userId="9e0fbb2e9583deed" providerId="LiveId" clId="{A07FF165-3693-497D-A997-D009FB519B94}" dt="2021-04-14T17:13:20.238" v="58615" actId="47"/>
        <pc:sldMkLst>
          <pc:docMk/>
          <pc:sldMk cId="1521156605" sldId="270"/>
        </pc:sldMkLst>
      </pc:sldChg>
      <pc:sldChg chg="del">
        <pc:chgData name="Gail Cross" userId="9e0fbb2e9583deed" providerId="LiveId" clId="{A07FF165-3693-497D-A997-D009FB519B94}" dt="2021-04-13T04:54:12.535" v="15834" actId="47"/>
        <pc:sldMkLst>
          <pc:docMk/>
          <pc:sldMk cId="807786543" sldId="271"/>
        </pc:sldMkLst>
      </pc:sldChg>
      <pc:sldChg chg="addSp delSp modSp mod modClrScheme modAnim chgLayout modNotesTx">
        <pc:chgData name="Gail Cross" userId="9e0fbb2e9583deed" providerId="LiveId" clId="{A07FF165-3693-497D-A997-D009FB519B94}" dt="2021-04-14T14:57:53.362" v="37559" actId="1076"/>
        <pc:sldMkLst>
          <pc:docMk/>
          <pc:sldMk cId="2671136424" sldId="272"/>
        </pc:sldMkLst>
        <pc:spChg chg="mod ord">
          <ac:chgData name="Gail Cross" userId="9e0fbb2e9583deed" providerId="LiveId" clId="{A07FF165-3693-497D-A997-D009FB519B94}" dt="2021-04-14T14:41:14.799" v="36985" actId="14100"/>
          <ac:spMkLst>
            <pc:docMk/>
            <pc:sldMk cId="2671136424" sldId="272"/>
            <ac:spMk id="2" creationId="{461B1E75-5DF1-4388-B8A1-8A44E201127E}"/>
          </ac:spMkLst>
        </pc:spChg>
        <pc:spChg chg="del">
          <ac:chgData name="Gail Cross" userId="9e0fbb2e9583deed" providerId="LiveId" clId="{A07FF165-3693-497D-A997-D009FB519B94}" dt="2021-04-13T05:00:28.008" v="16443"/>
          <ac:spMkLst>
            <pc:docMk/>
            <pc:sldMk cId="2671136424" sldId="272"/>
            <ac:spMk id="3" creationId="{6BD0CEDD-00A6-411A-B99E-D0357B8149DE}"/>
          </ac:spMkLst>
        </pc:spChg>
        <pc:spChg chg="add del mod">
          <ac:chgData name="Gail Cross" userId="9e0fbb2e9583deed" providerId="LiveId" clId="{A07FF165-3693-497D-A997-D009FB519B94}" dt="2021-04-13T05:00:46.663" v="16447"/>
          <ac:spMkLst>
            <pc:docMk/>
            <pc:sldMk cId="2671136424" sldId="272"/>
            <ac:spMk id="4" creationId="{4DFE2CB1-785B-43DD-88A9-B9D87F26A4B3}"/>
          </ac:spMkLst>
        </pc:spChg>
        <pc:spChg chg="add mod ord">
          <ac:chgData name="Gail Cross" userId="9e0fbb2e9583deed" providerId="LiveId" clId="{A07FF165-3693-497D-A997-D009FB519B94}" dt="2021-04-14T14:57:53.362" v="37559" actId="1076"/>
          <ac:spMkLst>
            <pc:docMk/>
            <pc:sldMk cId="2671136424" sldId="272"/>
            <ac:spMk id="5" creationId="{7297C596-8617-4DA7-AF7F-74A1371B7F4A}"/>
          </ac:spMkLst>
        </pc:spChg>
        <pc:spChg chg="add del mod">
          <ac:chgData name="Gail Cross" userId="9e0fbb2e9583deed" providerId="LiveId" clId="{A07FF165-3693-497D-A997-D009FB519B94}" dt="2021-04-13T05:10:52.135" v="16776"/>
          <ac:spMkLst>
            <pc:docMk/>
            <pc:sldMk cId="2671136424" sldId="272"/>
            <ac:spMk id="6" creationId="{DCB114D6-B3DB-408A-B475-8ECCFC8D2206}"/>
          </ac:spMkLst>
        </pc:spChg>
        <pc:spChg chg="add mod">
          <ac:chgData name="Gail Cross" userId="9e0fbb2e9583deed" providerId="LiveId" clId="{A07FF165-3693-497D-A997-D009FB519B94}" dt="2021-04-14T14:57:36.083" v="37556" actId="692"/>
          <ac:spMkLst>
            <pc:docMk/>
            <pc:sldMk cId="2671136424" sldId="272"/>
            <ac:spMk id="9" creationId="{998AB9AA-809A-4667-BE15-74DA307D2958}"/>
          </ac:spMkLst>
        </pc:spChg>
        <pc:picChg chg="add del mod">
          <ac:chgData name="Gail Cross" userId="9e0fbb2e9583deed" providerId="LiveId" clId="{A07FF165-3693-497D-A997-D009FB519B94}" dt="2021-04-13T05:00:38.028" v="16446" actId="478"/>
          <ac:picMkLst>
            <pc:docMk/>
            <pc:sldMk cId="2671136424" sldId="272"/>
            <ac:picMk id="2050" creationId="{57F450CA-5C41-4E55-8D0F-F4AB392243CD}"/>
          </ac:picMkLst>
        </pc:picChg>
        <pc:picChg chg="add mod ord">
          <ac:chgData name="Gail Cross" userId="9e0fbb2e9583deed" providerId="LiveId" clId="{A07FF165-3693-497D-A997-D009FB519B94}" dt="2021-04-13T05:09:05.761" v="16484" actId="700"/>
          <ac:picMkLst>
            <pc:docMk/>
            <pc:sldMk cId="2671136424" sldId="272"/>
            <ac:picMk id="2052" creationId="{2547473D-E080-4C33-9DF5-CBE24B508D04}"/>
          </ac:picMkLst>
        </pc:picChg>
      </pc:sldChg>
      <pc:sldChg chg="del">
        <pc:chgData name="Gail Cross" userId="9e0fbb2e9583deed" providerId="LiveId" clId="{A07FF165-3693-497D-A997-D009FB519B94}" dt="2021-04-13T05:10:54.095" v="16777" actId="47"/>
        <pc:sldMkLst>
          <pc:docMk/>
          <pc:sldMk cId="1059153607" sldId="273"/>
        </pc:sldMkLst>
      </pc:sldChg>
      <pc:sldChg chg="addSp delSp modSp mod ord delAnim modAnim modNotesTx">
        <pc:chgData name="Gail Cross" userId="9e0fbb2e9583deed" providerId="LiveId" clId="{A07FF165-3693-497D-A997-D009FB519B94}" dt="2021-04-15T10:35:45.019" v="62673"/>
        <pc:sldMkLst>
          <pc:docMk/>
          <pc:sldMk cId="2303851870" sldId="274"/>
        </pc:sldMkLst>
        <pc:spChg chg="add mod">
          <ac:chgData name="Gail Cross" userId="9e0fbb2e9583deed" providerId="LiveId" clId="{A07FF165-3693-497D-A997-D009FB519B94}" dt="2021-04-14T12:55:00.181" v="34339" actId="14100"/>
          <ac:spMkLst>
            <pc:docMk/>
            <pc:sldMk cId="2303851870" sldId="274"/>
            <ac:spMk id="2" creationId="{BE25D0D5-A4EC-47AD-B5BB-D775AF83D605}"/>
          </ac:spMkLst>
        </pc:spChg>
        <pc:spChg chg="mod">
          <ac:chgData name="Gail Cross" userId="9e0fbb2e9583deed" providerId="LiveId" clId="{A07FF165-3693-497D-A997-D009FB519B94}" dt="2021-04-14T12:53:32.518" v="34310" actId="20577"/>
          <ac:spMkLst>
            <pc:docMk/>
            <pc:sldMk cId="2303851870" sldId="274"/>
            <ac:spMk id="6" creationId="{D7850F77-852B-40D1-A19D-85DC12C5E06D}"/>
          </ac:spMkLst>
        </pc:spChg>
        <pc:spChg chg="del mod">
          <ac:chgData name="Gail Cross" userId="9e0fbb2e9583deed" providerId="LiveId" clId="{A07FF165-3693-497D-A997-D009FB519B94}" dt="2021-04-13T10:45:01.683" v="26248" actId="478"/>
          <ac:spMkLst>
            <pc:docMk/>
            <pc:sldMk cId="2303851870" sldId="274"/>
            <ac:spMk id="9" creationId="{A8626777-ED4C-4EDD-B00F-0B8111672FAB}"/>
          </ac:spMkLst>
        </pc:spChg>
        <pc:spChg chg="del mod">
          <ac:chgData name="Gail Cross" userId="9e0fbb2e9583deed" providerId="LiveId" clId="{A07FF165-3693-497D-A997-D009FB519B94}" dt="2021-04-12T14:21:22.873" v="4746" actId="478"/>
          <ac:spMkLst>
            <pc:docMk/>
            <pc:sldMk cId="2303851870" sldId="274"/>
            <ac:spMk id="10" creationId="{74F1F205-04DF-4986-B842-BD0FF40EEB96}"/>
          </ac:spMkLst>
        </pc:spChg>
        <pc:spChg chg="add del mod">
          <ac:chgData name="Gail Cross" userId="9e0fbb2e9583deed" providerId="LiveId" clId="{A07FF165-3693-497D-A997-D009FB519B94}" dt="2021-04-13T10:45:05.164" v="26249" actId="478"/>
          <ac:spMkLst>
            <pc:docMk/>
            <pc:sldMk cId="2303851870" sldId="274"/>
            <ac:spMk id="12" creationId="{613B02C6-0DF9-49EE-BB44-A2F9D69F6E75}"/>
          </ac:spMkLst>
        </pc:spChg>
        <pc:spChg chg="add del mod">
          <ac:chgData name="Gail Cross" userId="9e0fbb2e9583deed" providerId="LiveId" clId="{A07FF165-3693-497D-A997-D009FB519B94}" dt="2021-04-12T14:23:04.388" v="4769" actId="478"/>
          <ac:spMkLst>
            <pc:docMk/>
            <pc:sldMk cId="2303851870" sldId="274"/>
            <ac:spMk id="13" creationId="{CECF22D5-C949-487E-848D-1EB9824AF8BE}"/>
          </ac:spMkLst>
        </pc:spChg>
        <pc:spChg chg="add mod">
          <ac:chgData name="Gail Cross" userId="9e0fbb2e9583deed" providerId="LiveId" clId="{A07FF165-3693-497D-A997-D009FB519B94}" dt="2021-04-14T12:55:21.718" v="34344" actId="692"/>
          <ac:spMkLst>
            <pc:docMk/>
            <pc:sldMk cId="2303851870" sldId="274"/>
            <ac:spMk id="13" creationId="{DEFE8DB1-B8A2-46F6-A04E-444447E2FBB2}"/>
          </ac:spMkLst>
        </pc:spChg>
        <pc:spChg chg="add del mod">
          <ac:chgData name="Gail Cross" userId="9e0fbb2e9583deed" providerId="LiveId" clId="{A07FF165-3693-497D-A997-D009FB519B94}" dt="2021-04-14T12:54:34.279" v="34334" actId="478"/>
          <ac:spMkLst>
            <pc:docMk/>
            <pc:sldMk cId="2303851870" sldId="274"/>
            <ac:spMk id="14" creationId="{C6BD5B35-BA55-4BC6-84F1-548A25D1496F}"/>
          </ac:spMkLst>
        </pc:spChg>
        <pc:spChg chg="add del mod">
          <ac:chgData name="Gail Cross" userId="9e0fbb2e9583deed" providerId="LiveId" clId="{A07FF165-3693-497D-A997-D009FB519B94}" dt="2021-04-14T12:54:31.501" v="34333" actId="478"/>
          <ac:spMkLst>
            <pc:docMk/>
            <pc:sldMk cId="2303851870" sldId="274"/>
            <ac:spMk id="15" creationId="{C8444C3A-6E77-40AD-9A36-B6FAA8FFA110}"/>
          </ac:spMkLst>
        </pc:spChg>
        <pc:spChg chg="add del mod">
          <ac:chgData name="Gail Cross" userId="9e0fbb2e9583deed" providerId="LiveId" clId="{A07FF165-3693-497D-A997-D009FB519B94}" dt="2021-04-14T12:54:42.916" v="34335" actId="478"/>
          <ac:spMkLst>
            <pc:docMk/>
            <pc:sldMk cId="2303851870" sldId="274"/>
            <ac:spMk id="16" creationId="{1262DF72-A0C0-4737-A245-BC4FE4890EF8}"/>
          </ac:spMkLst>
        </pc:spChg>
        <pc:spChg chg="add mod">
          <ac:chgData name="Gail Cross" userId="9e0fbb2e9583deed" providerId="LiveId" clId="{A07FF165-3693-497D-A997-D009FB519B94}" dt="2021-04-14T13:08:21.175" v="34636" actId="20577"/>
          <ac:spMkLst>
            <pc:docMk/>
            <pc:sldMk cId="2303851870" sldId="274"/>
            <ac:spMk id="17" creationId="{FE92E22E-4214-4ECC-8F1A-40174B6E9D5F}"/>
          </ac:spMkLst>
        </pc:spChg>
        <pc:spChg chg="add mod">
          <ac:chgData name="Gail Cross" userId="9e0fbb2e9583deed" providerId="LiveId" clId="{A07FF165-3693-497D-A997-D009FB519B94}" dt="2021-04-14T12:55:13.569" v="34343" actId="1076"/>
          <ac:spMkLst>
            <pc:docMk/>
            <pc:sldMk cId="2303851870" sldId="274"/>
            <ac:spMk id="18" creationId="{A66D8283-98A8-4C3D-AB22-76FB1BC7E4B4}"/>
          </ac:spMkLst>
        </pc:spChg>
        <pc:picChg chg="mod ord">
          <ac:chgData name="Gail Cross" userId="9e0fbb2e9583deed" providerId="LiveId" clId="{A07FF165-3693-497D-A997-D009FB519B94}" dt="2021-04-14T12:54:20.040" v="34329" actId="1076"/>
          <ac:picMkLst>
            <pc:docMk/>
            <pc:sldMk cId="2303851870" sldId="274"/>
            <ac:picMk id="5" creationId="{FB0C5546-3112-4BDE-A58E-DCC0E986E154}"/>
          </ac:picMkLst>
        </pc:picChg>
        <pc:picChg chg="add mod ord modCrop">
          <ac:chgData name="Gail Cross" userId="9e0fbb2e9583deed" providerId="LiveId" clId="{A07FF165-3693-497D-A997-D009FB519B94}" dt="2021-04-14T12:54:12.742" v="34325" actId="1076"/>
          <ac:picMkLst>
            <pc:docMk/>
            <pc:sldMk cId="2303851870" sldId="274"/>
            <ac:picMk id="11" creationId="{A1D90620-AE50-49D2-9EDF-94D2E677E04F}"/>
          </ac:picMkLst>
        </pc:picChg>
      </pc:sldChg>
      <pc:sldChg chg="addSp delSp modSp del mod ord modNotesTx">
        <pc:chgData name="Gail Cross" userId="9e0fbb2e9583deed" providerId="LiveId" clId="{A07FF165-3693-497D-A997-D009FB519B94}" dt="2021-04-12T15:34:42.748" v="7732" actId="47"/>
        <pc:sldMkLst>
          <pc:docMk/>
          <pc:sldMk cId="1889288525" sldId="276"/>
        </pc:sldMkLst>
        <pc:spChg chg="add mod">
          <ac:chgData name="Gail Cross" userId="9e0fbb2e9583deed" providerId="LiveId" clId="{A07FF165-3693-497D-A997-D009FB519B94}" dt="2021-04-12T06:26:16.471" v="26" actId="1076"/>
          <ac:spMkLst>
            <pc:docMk/>
            <pc:sldMk cId="1889288525" sldId="276"/>
            <ac:spMk id="24" creationId="{883A31BD-A3D7-4F29-886C-3FF0A80B766B}"/>
          </ac:spMkLst>
        </pc:spChg>
        <pc:spChg chg="add mod">
          <ac:chgData name="Gail Cross" userId="9e0fbb2e9583deed" providerId="LiveId" clId="{A07FF165-3693-497D-A997-D009FB519B94}" dt="2021-04-12T06:27:24.275" v="68" actId="2085"/>
          <ac:spMkLst>
            <pc:docMk/>
            <pc:sldMk cId="1889288525" sldId="276"/>
            <ac:spMk id="27" creationId="{5B42392D-D264-4CB7-9B37-57EBA4392E01}"/>
          </ac:spMkLst>
        </pc:spChg>
        <pc:spChg chg="add mod">
          <ac:chgData name="Gail Cross" userId="9e0fbb2e9583deed" providerId="LiveId" clId="{A07FF165-3693-497D-A997-D009FB519B94}" dt="2021-04-12T06:28:40.972" v="156" actId="1035"/>
          <ac:spMkLst>
            <pc:docMk/>
            <pc:sldMk cId="1889288525" sldId="276"/>
            <ac:spMk id="28" creationId="{3142F6B3-150B-4598-82A3-62EA2995E014}"/>
          </ac:spMkLst>
        </pc:spChg>
        <pc:picChg chg="del">
          <ac:chgData name="Gail Cross" userId="9e0fbb2e9583deed" providerId="LiveId" clId="{A07FF165-3693-497D-A997-D009FB519B94}" dt="2021-04-12T06:25:56.821" v="0" actId="478"/>
          <ac:picMkLst>
            <pc:docMk/>
            <pc:sldMk cId="1889288525" sldId="276"/>
            <ac:picMk id="18" creationId="{E51B9A24-A4FA-4300-B3E0-545CA610C6E0}"/>
          </ac:picMkLst>
        </pc:picChg>
        <pc:cxnChg chg="mod">
          <ac:chgData name="Gail Cross" userId="9e0fbb2e9583deed" providerId="LiveId" clId="{A07FF165-3693-497D-A997-D009FB519B94}" dt="2021-04-12T06:25:56.821" v="0" actId="478"/>
          <ac:cxnSpMkLst>
            <pc:docMk/>
            <pc:sldMk cId="1889288525" sldId="276"/>
            <ac:cxnSpMk id="22" creationId="{8CC36312-C36F-4521-90B9-31F6B9918BE0}"/>
          </ac:cxnSpMkLst>
        </pc:cxnChg>
      </pc:sldChg>
      <pc:sldChg chg="del">
        <pc:chgData name="Gail Cross" userId="9e0fbb2e9583deed" providerId="LiveId" clId="{A07FF165-3693-497D-A997-D009FB519B94}" dt="2021-04-12T15:34:39.673" v="7731" actId="47"/>
        <pc:sldMkLst>
          <pc:docMk/>
          <pc:sldMk cId="2956419505" sldId="277"/>
        </pc:sldMkLst>
      </pc:sldChg>
      <pc:sldChg chg="addSp delSp modSp del mod ord modNotesTx">
        <pc:chgData name="Gail Cross" userId="9e0fbb2e9583deed" providerId="LiveId" clId="{A07FF165-3693-497D-A997-D009FB519B94}" dt="2021-04-12T14:28:41.571" v="4880" actId="47"/>
        <pc:sldMkLst>
          <pc:docMk/>
          <pc:sldMk cId="2264561807" sldId="278"/>
        </pc:sldMkLst>
        <pc:spChg chg="mod">
          <ac:chgData name="Gail Cross" userId="9e0fbb2e9583deed" providerId="LiveId" clId="{A07FF165-3693-497D-A997-D009FB519B94}" dt="2021-04-12T14:17:18.361" v="4733" actId="1076"/>
          <ac:spMkLst>
            <pc:docMk/>
            <pc:sldMk cId="2264561807" sldId="278"/>
            <ac:spMk id="7" creationId="{9398EDA4-D6A5-4085-96C7-0D8FF1D9B184}"/>
          </ac:spMkLst>
        </pc:spChg>
        <pc:spChg chg="add mod">
          <ac:chgData name="Gail Cross" userId="9e0fbb2e9583deed" providerId="LiveId" clId="{A07FF165-3693-497D-A997-D009FB519B94}" dt="2021-04-12T14:20:40.650" v="4735" actId="21"/>
          <ac:spMkLst>
            <pc:docMk/>
            <pc:sldMk cId="2264561807" sldId="278"/>
            <ac:spMk id="15" creationId="{9CF27CF0-2C75-404A-8A20-E875B9824830}"/>
          </ac:spMkLst>
        </pc:spChg>
        <pc:picChg chg="del mod">
          <ac:chgData name="Gail Cross" userId="9e0fbb2e9583deed" providerId="LiveId" clId="{A07FF165-3693-497D-A997-D009FB519B94}" dt="2021-04-12T14:20:40.650" v="4735" actId="21"/>
          <ac:picMkLst>
            <pc:docMk/>
            <pc:sldMk cId="2264561807" sldId="278"/>
            <ac:picMk id="13" creationId="{A0BD0AF5-95F2-48A5-B43F-A2CD62976B59}"/>
          </ac:picMkLst>
        </pc:picChg>
      </pc:sldChg>
      <pc:sldChg chg="addSp delSp modSp del mod ord modShow modNotesTx">
        <pc:chgData name="Gail Cross" userId="9e0fbb2e9583deed" providerId="LiveId" clId="{A07FF165-3693-497D-A997-D009FB519B94}" dt="2021-04-14T13:16:29.025" v="34998" actId="2696"/>
        <pc:sldMkLst>
          <pc:docMk/>
          <pc:sldMk cId="1606176223" sldId="279"/>
        </pc:sldMkLst>
        <pc:spChg chg="add del mod">
          <ac:chgData name="Gail Cross" userId="9e0fbb2e9583deed" providerId="LiveId" clId="{A07FF165-3693-497D-A997-D009FB519B94}" dt="2021-04-14T12:51:30.375" v="34109"/>
          <ac:spMkLst>
            <pc:docMk/>
            <pc:sldMk cId="1606176223" sldId="279"/>
            <ac:spMk id="4" creationId="{7B7044EB-EB3C-45F2-A668-4732507950E0}"/>
          </ac:spMkLst>
        </pc:spChg>
        <pc:spChg chg="add mod">
          <ac:chgData name="Gail Cross" userId="9e0fbb2e9583deed" providerId="LiveId" clId="{A07FF165-3693-497D-A997-D009FB519B94}" dt="2021-04-13T03:58:38.971" v="13077" actId="1076"/>
          <ac:spMkLst>
            <pc:docMk/>
            <pc:sldMk cId="1606176223" sldId="279"/>
            <ac:spMk id="11" creationId="{62246346-FC35-4315-8E90-87BC0C91E3E1}"/>
          </ac:spMkLst>
        </pc:spChg>
        <pc:picChg chg="del">
          <ac:chgData name="Gail Cross" userId="9e0fbb2e9583deed" providerId="LiveId" clId="{A07FF165-3693-497D-A997-D009FB519B94}" dt="2021-04-14T12:44:31.401" v="33885" actId="21"/>
          <ac:picMkLst>
            <pc:docMk/>
            <pc:sldMk cId="1606176223" sldId="279"/>
            <ac:picMk id="6" creationId="{0E5157CA-B4A1-4160-98B0-C820F0046EE3}"/>
          </ac:picMkLst>
        </pc:picChg>
        <pc:picChg chg="add mod">
          <ac:chgData name="Gail Cross" userId="9e0fbb2e9583deed" providerId="LiveId" clId="{A07FF165-3693-497D-A997-D009FB519B94}" dt="2021-04-14T13:09:00.138" v="34642" actId="1076"/>
          <ac:picMkLst>
            <pc:docMk/>
            <pc:sldMk cId="1606176223" sldId="279"/>
            <ac:picMk id="8" creationId="{3F8B8228-8A91-4F52-B187-BAB19E0CFBD5}"/>
          </ac:picMkLst>
        </pc:picChg>
        <pc:picChg chg="add mod">
          <ac:chgData name="Gail Cross" userId="9e0fbb2e9583deed" providerId="LiveId" clId="{A07FF165-3693-497D-A997-D009FB519B94}" dt="2021-04-14T13:08:58.769" v="34641" actId="1076"/>
          <ac:picMkLst>
            <pc:docMk/>
            <pc:sldMk cId="1606176223" sldId="279"/>
            <ac:picMk id="9" creationId="{F573C36C-40A5-4D0A-AAB8-93DECDB29799}"/>
          </ac:picMkLst>
        </pc:picChg>
        <pc:picChg chg="del">
          <ac:chgData name="Gail Cross" userId="9e0fbb2e9583deed" providerId="LiveId" clId="{A07FF165-3693-497D-A997-D009FB519B94}" dt="2021-04-14T12:44:12.037" v="33878" actId="21"/>
          <ac:picMkLst>
            <pc:docMk/>
            <pc:sldMk cId="1606176223" sldId="279"/>
            <ac:picMk id="10" creationId="{6E1FFED2-B1B2-4BBB-9B13-C9C941A54D0B}"/>
          </ac:picMkLst>
        </pc:picChg>
      </pc:sldChg>
      <pc:sldChg chg="addSp delSp modSp new del mod ord modNotesTx">
        <pc:chgData name="Gail Cross" userId="9e0fbb2e9583deed" providerId="LiveId" clId="{A07FF165-3693-497D-A997-D009FB519B94}" dt="2021-04-12T15:26:46.438" v="7603" actId="47"/>
        <pc:sldMkLst>
          <pc:docMk/>
          <pc:sldMk cId="2353134081" sldId="280"/>
        </pc:sldMkLst>
        <pc:spChg chg="mod">
          <ac:chgData name="Gail Cross" userId="9e0fbb2e9583deed" providerId="LiveId" clId="{A07FF165-3693-497D-A997-D009FB519B94}" dt="2021-04-12T08:16:07.855" v="1916" actId="20577"/>
          <ac:spMkLst>
            <pc:docMk/>
            <pc:sldMk cId="2353134081" sldId="280"/>
            <ac:spMk id="2" creationId="{59CD3037-C1C2-4E43-A71D-25A286A0F36F}"/>
          </ac:spMkLst>
        </pc:spChg>
        <pc:spChg chg="del">
          <ac:chgData name="Gail Cross" userId="9e0fbb2e9583deed" providerId="LiveId" clId="{A07FF165-3693-497D-A997-D009FB519B94}" dt="2021-04-12T08:05:59.477" v="1816" actId="22"/>
          <ac:spMkLst>
            <pc:docMk/>
            <pc:sldMk cId="2353134081" sldId="280"/>
            <ac:spMk id="3" creationId="{E4C70957-57C2-4126-B7FD-DB8565161BC0}"/>
          </ac:spMkLst>
        </pc:spChg>
        <pc:spChg chg="add mod">
          <ac:chgData name="Gail Cross" userId="9e0fbb2e9583deed" providerId="LiveId" clId="{A07FF165-3693-497D-A997-D009FB519B94}" dt="2021-04-12T08:06:39.391" v="1830" actId="1076"/>
          <ac:spMkLst>
            <pc:docMk/>
            <pc:sldMk cId="2353134081" sldId="280"/>
            <ac:spMk id="6" creationId="{2C7F4C95-D977-4F91-BA9B-30CEEC5347F6}"/>
          </ac:spMkLst>
        </pc:spChg>
        <pc:picChg chg="add mod ord">
          <ac:chgData name="Gail Cross" userId="9e0fbb2e9583deed" providerId="LiveId" clId="{A07FF165-3693-497D-A997-D009FB519B94}" dt="2021-04-12T08:06:36.941" v="1829" actId="1076"/>
          <ac:picMkLst>
            <pc:docMk/>
            <pc:sldMk cId="2353134081" sldId="280"/>
            <ac:picMk id="5" creationId="{209E5A1E-6B92-4C20-A1FA-8754DF8E3C84}"/>
          </ac:picMkLst>
        </pc:picChg>
        <pc:picChg chg="add mod">
          <ac:chgData name="Gail Cross" userId="9e0fbb2e9583deed" providerId="LiveId" clId="{A07FF165-3693-497D-A997-D009FB519B94}" dt="2021-04-12T08:16:12.879" v="1917" actId="1076"/>
          <ac:picMkLst>
            <pc:docMk/>
            <pc:sldMk cId="2353134081" sldId="280"/>
            <ac:picMk id="8" creationId="{E538B58E-B4C4-4FD9-AFBF-B11640C4B679}"/>
          </ac:picMkLst>
        </pc:picChg>
      </pc:sldChg>
      <pc:sldChg chg="modSp new del mod modAnim modShow">
        <pc:chgData name="Gail Cross" userId="9e0fbb2e9583deed" providerId="LiveId" clId="{A07FF165-3693-497D-A997-D009FB519B94}" dt="2021-04-14T13:16:29.025" v="34998" actId="2696"/>
        <pc:sldMkLst>
          <pc:docMk/>
          <pc:sldMk cId="3552488103" sldId="281"/>
        </pc:sldMkLst>
        <pc:spChg chg="mod">
          <ac:chgData name="Gail Cross" userId="9e0fbb2e9583deed" providerId="LiveId" clId="{A07FF165-3693-497D-A997-D009FB519B94}" dt="2021-04-13T09:05:51.748" v="24334" actId="20577"/>
          <ac:spMkLst>
            <pc:docMk/>
            <pc:sldMk cId="3552488103" sldId="281"/>
            <ac:spMk id="2" creationId="{9D33D7EF-CE86-445B-9E9D-CAF08C53273E}"/>
          </ac:spMkLst>
        </pc:spChg>
        <pc:spChg chg="mod">
          <ac:chgData name="Gail Cross" userId="9e0fbb2e9583deed" providerId="LiveId" clId="{A07FF165-3693-497D-A997-D009FB519B94}" dt="2021-04-13T10:28:20.031" v="25019" actId="114"/>
          <ac:spMkLst>
            <pc:docMk/>
            <pc:sldMk cId="3552488103" sldId="281"/>
            <ac:spMk id="3" creationId="{D295D6B8-A1C5-43DA-AEAF-4EDF6B721A3F}"/>
          </ac:spMkLst>
        </pc:spChg>
      </pc:sldChg>
      <pc:sldChg chg="addSp delSp modSp new del mod modShow modNotesTx">
        <pc:chgData name="Gail Cross" userId="9e0fbb2e9583deed" providerId="LiveId" clId="{A07FF165-3693-497D-A997-D009FB519B94}" dt="2021-04-14T13:16:29.025" v="34998" actId="2696"/>
        <pc:sldMkLst>
          <pc:docMk/>
          <pc:sldMk cId="4007607427" sldId="282"/>
        </pc:sldMkLst>
        <pc:spChg chg="mod">
          <ac:chgData name="Gail Cross" userId="9e0fbb2e9583deed" providerId="LiveId" clId="{A07FF165-3693-497D-A997-D009FB519B94}" dt="2021-04-12T13:08:08.957" v="3063" actId="14100"/>
          <ac:spMkLst>
            <pc:docMk/>
            <pc:sldMk cId="4007607427" sldId="282"/>
            <ac:spMk id="2" creationId="{2DF5F7D4-CEF3-431B-8203-6A5466881D33}"/>
          </ac:spMkLst>
        </pc:spChg>
        <pc:spChg chg="del">
          <ac:chgData name="Gail Cross" userId="9e0fbb2e9583deed" providerId="LiveId" clId="{A07FF165-3693-497D-A997-D009FB519B94}" dt="2021-04-12T08:29:53.655" v="2286" actId="22"/>
          <ac:spMkLst>
            <pc:docMk/>
            <pc:sldMk cId="4007607427" sldId="282"/>
            <ac:spMk id="3" creationId="{88B5E13A-E988-476B-AABC-3E2D4595A5A9}"/>
          </ac:spMkLst>
        </pc:spChg>
        <pc:spChg chg="add mod">
          <ac:chgData name="Gail Cross" userId="9e0fbb2e9583deed" providerId="LiveId" clId="{A07FF165-3693-497D-A997-D009FB519B94}" dt="2021-04-14T12:04:06.952" v="32350" actId="21"/>
          <ac:spMkLst>
            <pc:docMk/>
            <pc:sldMk cId="4007607427" sldId="282"/>
            <ac:spMk id="4" creationId="{42D54644-95D8-49EA-A5A4-91D20533F087}"/>
          </ac:spMkLst>
        </pc:spChg>
        <pc:spChg chg="add del mod">
          <ac:chgData name="Gail Cross" userId="9e0fbb2e9583deed" providerId="LiveId" clId="{A07FF165-3693-497D-A997-D009FB519B94}" dt="2021-04-14T12:04:53.983" v="32361" actId="21"/>
          <ac:spMkLst>
            <pc:docMk/>
            <pc:sldMk cId="4007607427" sldId="282"/>
            <ac:spMk id="8" creationId="{23E5A71F-991C-4EF2-B03A-47E4516B6A27}"/>
          </ac:spMkLst>
        </pc:spChg>
        <pc:picChg chg="add del mod ord">
          <ac:chgData name="Gail Cross" userId="9e0fbb2e9583deed" providerId="LiveId" clId="{A07FF165-3693-497D-A997-D009FB519B94}" dt="2021-04-14T12:04:06.952" v="32350" actId="21"/>
          <ac:picMkLst>
            <pc:docMk/>
            <pc:sldMk cId="4007607427" sldId="282"/>
            <ac:picMk id="5" creationId="{0368B451-10BB-479D-B2FF-22C0D8567842}"/>
          </ac:picMkLst>
        </pc:picChg>
        <pc:picChg chg="add mod">
          <ac:chgData name="Gail Cross" userId="9e0fbb2e9583deed" providerId="LiveId" clId="{A07FF165-3693-497D-A997-D009FB519B94}" dt="2021-04-13T10:32:59.339" v="25641" actId="1076"/>
          <ac:picMkLst>
            <pc:docMk/>
            <pc:sldMk cId="4007607427" sldId="282"/>
            <ac:picMk id="7" creationId="{3939791A-630A-4DDB-BB10-75DCC09EE15E}"/>
          </ac:picMkLst>
        </pc:picChg>
      </pc:sldChg>
      <pc:sldChg chg="addSp delSp modSp new mod ord delAnim modAnim modNotesTx">
        <pc:chgData name="Gail Cross" userId="9e0fbb2e9583deed" providerId="LiveId" clId="{A07FF165-3693-497D-A997-D009FB519B94}" dt="2021-04-14T15:38:30.166" v="38635" actId="14100"/>
        <pc:sldMkLst>
          <pc:docMk/>
          <pc:sldMk cId="3416322275" sldId="283"/>
        </pc:sldMkLst>
        <pc:spChg chg="mod">
          <ac:chgData name="Gail Cross" userId="9e0fbb2e9583deed" providerId="LiveId" clId="{A07FF165-3693-497D-A997-D009FB519B94}" dt="2021-04-14T12:40:57.706" v="33856" actId="20577"/>
          <ac:spMkLst>
            <pc:docMk/>
            <pc:sldMk cId="3416322275" sldId="283"/>
            <ac:spMk id="2" creationId="{9201E7A7-41FA-4ED4-9548-758902CDF211}"/>
          </ac:spMkLst>
        </pc:spChg>
        <pc:spChg chg="del">
          <ac:chgData name="Gail Cross" userId="9e0fbb2e9583deed" providerId="LiveId" clId="{A07FF165-3693-497D-A997-D009FB519B94}" dt="2021-04-12T13:07:18.011" v="3050" actId="22"/>
          <ac:spMkLst>
            <pc:docMk/>
            <pc:sldMk cId="3416322275" sldId="283"/>
            <ac:spMk id="3" creationId="{4FEDF5C6-7E6F-4F4A-8E42-9F851B2A8318}"/>
          </ac:spMkLst>
        </pc:spChg>
        <pc:spChg chg="add mod">
          <ac:chgData name="Gail Cross" userId="9e0fbb2e9583deed" providerId="LiveId" clId="{A07FF165-3693-497D-A997-D009FB519B94}" dt="2021-04-14T12:07:44.499" v="32407" actId="1076"/>
          <ac:spMkLst>
            <pc:docMk/>
            <pc:sldMk cId="3416322275" sldId="283"/>
            <ac:spMk id="6" creationId="{3DAD7D74-0115-4A21-8F11-860F1EFC16E3}"/>
          </ac:spMkLst>
        </pc:spChg>
        <pc:spChg chg="add del mod">
          <ac:chgData name="Gail Cross" userId="9e0fbb2e9583deed" providerId="LiveId" clId="{A07FF165-3693-497D-A997-D009FB519B94}" dt="2021-04-14T12:06:46.276" v="32394" actId="478"/>
          <ac:spMkLst>
            <pc:docMk/>
            <pc:sldMk cId="3416322275" sldId="283"/>
            <ac:spMk id="9" creationId="{24B0FF77-4301-497D-A4BC-15B677D8CCC9}"/>
          </ac:spMkLst>
        </pc:spChg>
        <pc:spChg chg="add mod">
          <ac:chgData name="Gail Cross" userId="9e0fbb2e9583deed" providerId="LiveId" clId="{A07FF165-3693-497D-A997-D009FB519B94}" dt="2021-04-14T15:38:30.166" v="38635" actId="14100"/>
          <ac:spMkLst>
            <pc:docMk/>
            <pc:sldMk cId="3416322275" sldId="283"/>
            <ac:spMk id="10" creationId="{631780C0-A505-40D5-B7F1-4F40727CA62E}"/>
          </ac:spMkLst>
        </pc:spChg>
        <pc:spChg chg="add mod">
          <ac:chgData name="Gail Cross" userId="9e0fbb2e9583deed" providerId="LiveId" clId="{A07FF165-3693-497D-A997-D009FB519B94}" dt="2021-04-14T13:46:34.915" v="35705" actId="692"/>
          <ac:spMkLst>
            <pc:docMk/>
            <pc:sldMk cId="3416322275" sldId="283"/>
            <ac:spMk id="13" creationId="{7E49495C-7447-47EC-B7DD-9EFEF1441719}"/>
          </ac:spMkLst>
        </pc:spChg>
        <pc:spChg chg="add mod">
          <ac:chgData name="Gail Cross" userId="9e0fbb2e9583deed" providerId="LiveId" clId="{A07FF165-3693-497D-A997-D009FB519B94}" dt="2021-04-14T13:46:47.156" v="35732" actId="1037"/>
          <ac:spMkLst>
            <pc:docMk/>
            <pc:sldMk cId="3416322275" sldId="283"/>
            <ac:spMk id="14" creationId="{01F0CBF2-4F75-43BE-8CBD-BB751A710F57}"/>
          </ac:spMkLst>
        </pc:spChg>
        <pc:spChg chg="add mod">
          <ac:chgData name="Gail Cross" userId="9e0fbb2e9583deed" providerId="LiveId" clId="{A07FF165-3693-497D-A997-D009FB519B94}" dt="2021-04-14T13:47:03.985" v="35785" actId="1038"/>
          <ac:spMkLst>
            <pc:docMk/>
            <pc:sldMk cId="3416322275" sldId="283"/>
            <ac:spMk id="15" creationId="{66BAEA23-C24E-40A0-8583-EFC09FFEF84C}"/>
          </ac:spMkLst>
        </pc:spChg>
        <pc:spChg chg="add del mod">
          <ac:chgData name="Gail Cross" userId="9e0fbb2e9583deed" providerId="LiveId" clId="{A07FF165-3693-497D-A997-D009FB519B94}" dt="2021-04-14T13:49:50.806" v="35935" actId="478"/>
          <ac:spMkLst>
            <pc:docMk/>
            <pc:sldMk cId="3416322275" sldId="283"/>
            <ac:spMk id="16" creationId="{ECAC919F-195D-4E06-9767-D256EB7127D2}"/>
          </ac:spMkLst>
        </pc:spChg>
        <pc:spChg chg="add mod">
          <ac:chgData name="Gail Cross" userId="9e0fbb2e9583deed" providerId="LiveId" clId="{A07FF165-3693-497D-A997-D009FB519B94}" dt="2021-04-14T13:47:35.672" v="35912" actId="1036"/>
          <ac:spMkLst>
            <pc:docMk/>
            <pc:sldMk cId="3416322275" sldId="283"/>
            <ac:spMk id="17" creationId="{20E2BB97-6FE4-4A81-B90A-0B958DD6EC85}"/>
          </ac:spMkLst>
        </pc:spChg>
        <pc:spChg chg="add mod">
          <ac:chgData name="Gail Cross" userId="9e0fbb2e9583deed" providerId="LiveId" clId="{A07FF165-3693-497D-A997-D009FB519B94}" dt="2021-04-14T13:48:08.127" v="35928" actId="14100"/>
          <ac:spMkLst>
            <pc:docMk/>
            <pc:sldMk cId="3416322275" sldId="283"/>
            <ac:spMk id="18" creationId="{F9EEA9FA-9BB7-41BF-90E2-21352DC5B34E}"/>
          </ac:spMkLst>
        </pc:spChg>
        <pc:picChg chg="add mod ord">
          <ac:chgData name="Gail Cross" userId="9e0fbb2e9583deed" providerId="LiveId" clId="{A07FF165-3693-497D-A997-D009FB519B94}" dt="2021-04-14T13:47:33.302" v="35894" actId="1076"/>
          <ac:picMkLst>
            <pc:docMk/>
            <pc:sldMk cId="3416322275" sldId="283"/>
            <ac:picMk id="5" creationId="{8CE8638D-D558-4FBD-A4E9-B626711BCCE7}"/>
          </ac:picMkLst>
        </pc:picChg>
        <pc:picChg chg="add del mod">
          <ac:chgData name="Gail Cross" userId="9e0fbb2e9583deed" providerId="LiveId" clId="{A07FF165-3693-497D-A997-D009FB519B94}" dt="2021-04-14T12:06:40.933" v="32393" actId="478"/>
          <ac:picMkLst>
            <pc:docMk/>
            <pc:sldMk cId="3416322275" sldId="283"/>
            <ac:picMk id="8" creationId="{F2441E3A-87AF-4AB0-90CD-0BAB14FD81E7}"/>
          </ac:picMkLst>
        </pc:picChg>
        <pc:cxnChg chg="add mod">
          <ac:chgData name="Gail Cross" userId="9e0fbb2e9583deed" providerId="LiveId" clId="{A07FF165-3693-497D-A997-D009FB519B94}" dt="2021-04-14T12:07:47.333" v="32408" actId="14100"/>
          <ac:cxnSpMkLst>
            <pc:docMk/>
            <pc:sldMk cId="3416322275" sldId="283"/>
            <ac:cxnSpMk id="12" creationId="{3E11240D-2D58-4CE5-B971-DEE0C79C0627}"/>
          </ac:cxnSpMkLst>
        </pc:cxnChg>
      </pc:sldChg>
      <pc:sldChg chg="modSp new del mod modNotesTx">
        <pc:chgData name="Gail Cross" userId="9e0fbb2e9583deed" providerId="LiveId" clId="{A07FF165-3693-497D-A997-D009FB519B94}" dt="2021-04-12T13:51:24.489" v="4349" actId="47"/>
        <pc:sldMkLst>
          <pc:docMk/>
          <pc:sldMk cId="1955415702" sldId="284"/>
        </pc:sldMkLst>
        <pc:spChg chg="mod">
          <ac:chgData name="Gail Cross" userId="9e0fbb2e9583deed" providerId="LiveId" clId="{A07FF165-3693-497D-A997-D009FB519B94}" dt="2021-04-12T13:34:08.462" v="3713" actId="20577"/>
          <ac:spMkLst>
            <pc:docMk/>
            <pc:sldMk cId="1955415702" sldId="284"/>
            <ac:spMk id="2" creationId="{E23AE497-06D0-4F3B-8798-47F3121DF1AA}"/>
          </ac:spMkLst>
        </pc:spChg>
      </pc:sldChg>
      <pc:sldChg chg="addSp delSp modSp new del mod ord modAnim modShow modNotesTx">
        <pc:chgData name="Gail Cross" userId="9e0fbb2e9583deed" providerId="LiveId" clId="{A07FF165-3693-497D-A997-D009FB519B94}" dt="2021-04-14T13:16:29.025" v="34998" actId="2696"/>
        <pc:sldMkLst>
          <pc:docMk/>
          <pc:sldMk cId="3302529061" sldId="284"/>
        </pc:sldMkLst>
        <pc:spChg chg="mod">
          <ac:chgData name="Gail Cross" userId="9e0fbb2e9583deed" providerId="LiveId" clId="{A07FF165-3693-497D-A997-D009FB519B94}" dt="2021-04-12T14:13:07.659" v="4468" actId="20577"/>
          <ac:spMkLst>
            <pc:docMk/>
            <pc:sldMk cId="3302529061" sldId="284"/>
            <ac:spMk id="2" creationId="{38EAE1D3-D080-4CDF-8936-299DB44B8210}"/>
          </ac:spMkLst>
        </pc:spChg>
        <pc:spChg chg="del">
          <ac:chgData name="Gail Cross" userId="9e0fbb2e9583deed" providerId="LiveId" clId="{A07FF165-3693-497D-A997-D009FB519B94}" dt="2021-04-12T14:13:37.912" v="4469" actId="22"/>
          <ac:spMkLst>
            <pc:docMk/>
            <pc:sldMk cId="3302529061" sldId="284"/>
            <ac:spMk id="3" creationId="{FB52FFC5-1F18-4ABD-BDBF-3A41EA62F2CE}"/>
          </ac:spMkLst>
        </pc:spChg>
        <pc:spChg chg="add mod">
          <ac:chgData name="Gail Cross" userId="9e0fbb2e9583deed" providerId="LiveId" clId="{A07FF165-3693-497D-A997-D009FB519B94}" dt="2021-04-13T03:57:59.281" v="13067" actId="1076"/>
          <ac:spMkLst>
            <pc:docMk/>
            <pc:sldMk cId="3302529061" sldId="284"/>
            <ac:spMk id="6" creationId="{B865BD90-A16E-4727-A69C-AD23CE5CE3C4}"/>
          </ac:spMkLst>
        </pc:spChg>
        <pc:spChg chg="add mod">
          <ac:chgData name="Gail Cross" userId="9e0fbb2e9583deed" providerId="LiveId" clId="{A07FF165-3693-497D-A997-D009FB519B94}" dt="2021-04-13T03:58:24.124" v="13074" actId="1076"/>
          <ac:spMkLst>
            <pc:docMk/>
            <pc:sldMk cId="3302529061" sldId="284"/>
            <ac:spMk id="7" creationId="{ADA0AAB3-D42D-4A90-AA55-095768504D18}"/>
          </ac:spMkLst>
        </pc:spChg>
        <pc:spChg chg="add mod">
          <ac:chgData name="Gail Cross" userId="9e0fbb2e9583deed" providerId="LiveId" clId="{A07FF165-3693-497D-A997-D009FB519B94}" dt="2021-04-13T03:58:26.503" v="13075" actId="1076"/>
          <ac:spMkLst>
            <pc:docMk/>
            <pc:sldMk cId="3302529061" sldId="284"/>
            <ac:spMk id="9" creationId="{07537AB5-4D53-4501-A05B-AE8EAEB6A4DA}"/>
          </ac:spMkLst>
        </pc:spChg>
        <pc:picChg chg="add mod ord">
          <ac:chgData name="Gail Cross" userId="9e0fbb2e9583deed" providerId="LiveId" clId="{A07FF165-3693-497D-A997-D009FB519B94}" dt="2021-04-13T03:54:55.354" v="12889" actId="14100"/>
          <ac:picMkLst>
            <pc:docMk/>
            <pc:sldMk cId="3302529061" sldId="284"/>
            <ac:picMk id="5" creationId="{786AA670-F908-4D9C-873A-A581097278BE}"/>
          </ac:picMkLst>
        </pc:picChg>
        <pc:picChg chg="add mod">
          <ac:chgData name="Gail Cross" userId="9e0fbb2e9583deed" providerId="LiveId" clId="{A07FF165-3693-497D-A997-D009FB519B94}" dt="2021-04-13T03:56:03.100" v="12928" actId="1076"/>
          <ac:picMkLst>
            <pc:docMk/>
            <pc:sldMk cId="3302529061" sldId="284"/>
            <ac:picMk id="8" creationId="{2575E863-B790-4C9B-B16B-C3FF6482E974}"/>
          </ac:picMkLst>
        </pc:picChg>
        <pc:picChg chg="add del mod">
          <ac:chgData name="Gail Cross" userId="9e0fbb2e9583deed" providerId="LiveId" clId="{A07FF165-3693-497D-A997-D009FB519B94}" dt="2021-04-12T15:06:11.394" v="6264" actId="478"/>
          <ac:picMkLst>
            <pc:docMk/>
            <pc:sldMk cId="3302529061" sldId="284"/>
            <ac:picMk id="3074" creationId="{119C322F-55F7-4638-8E4A-D11932109538}"/>
          </ac:picMkLst>
        </pc:picChg>
      </pc:sldChg>
      <pc:sldChg chg="addSp delSp modSp new del mod modShow modNotesTx">
        <pc:chgData name="Gail Cross" userId="9e0fbb2e9583deed" providerId="LiveId" clId="{A07FF165-3693-497D-A997-D009FB519B94}" dt="2021-04-14T13:16:29.025" v="34998" actId="2696"/>
        <pc:sldMkLst>
          <pc:docMk/>
          <pc:sldMk cId="1420298074" sldId="285"/>
        </pc:sldMkLst>
        <pc:spChg chg="mod">
          <ac:chgData name="Gail Cross" userId="9e0fbb2e9583deed" providerId="LiveId" clId="{A07FF165-3693-497D-A997-D009FB519B94}" dt="2021-04-12T15:18:46.498" v="6938" actId="14100"/>
          <ac:spMkLst>
            <pc:docMk/>
            <pc:sldMk cId="1420298074" sldId="285"/>
            <ac:spMk id="2" creationId="{57A4E549-2602-4FBA-A9E7-351198E0EF6A}"/>
          </ac:spMkLst>
        </pc:spChg>
        <pc:spChg chg="del">
          <ac:chgData name="Gail Cross" userId="9e0fbb2e9583deed" providerId="LiveId" clId="{A07FF165-3693-497D-A997-D009FB519B94}" dt="2021-04-12T15:11:13.728" v="6277" actId="22"/>
          <ac:spMkLst>
            <pc:docMk/>
            <pc:sldMk cId="1420298074" sldId="285"/>
            <ac:spMk id="3" creationId="{8A251C0F-AD02-4CCB-810B-31288113228D}"/>
          </ac:spMkLst>
        </pc:spChg>
        <pc:spChg chg="add mod">
          <ac:chgData name="Gail Cross" userId="9e0fbb2e9583deed" providerId="LiveId" clId="{A07FF165-3693-497D-A997-D009FB519B94}" dt="2021-04-12T15:19:17.139" v="6949" actId="1076"/>
          <ac:spMkLst>
            <pc:docMk/>
            <pc:sldMk cId="1420298074" sldId="285"/>
            <ac:spMk id="6" creationId="{CE38794C-561C-4EAC-A7C5-8814D3C11488}"/>
          </ac:spMkLst>
        </pc:spChg>
        <pc:spChg chg="add mod">
          <ac:chgData name="Gail Cross" userId="9e0fbb2e9583deed" providerId="LiveId" clId="{A07FF165-3693-497D-A997-D009FB519B94}" dt="2021-04-12T15:26:40.436" v="7602" actId="20577"/>
          <ac:spMkLst>
            <pc:docMk/>
            <pc:sldMk cId="1420298074" sldId="285"/>
            <ac:spMk id="9" creationId="{1D212F54-4593-42D6-A722-B69145E400DA}"/>
          </ac:spMkLst>
        </pc:spChg>
        <pc:picChg chg="add mod ord modCrop">
          <ac:chgData name="Gail Cross" userId="9e0fbb2e9583deed" providerId="LiveId" clId="{A07FF165-3693-497D-A997-D009FB519B94}" dt="2021-04-12T15:19:13.483" v="6948" actId="14100"/>
          <ac:picMkLst>
            <pc:docMk/>
            <pc:sldMk cId="1420298074" sldId="285"/>
            <ac:picMk id="5" creationId="{85A284E4-35B4-4D3A-8378-AE04D4E714F6}"/>
          </ac:picMkLst>
        </pc:picChg>
        <pc:picChg chg="add mod">
          <ac:chgData name="Gail Cross" userId="9e0fbb2e9583deed" providerId="LiveId" clId="{A07FF165-3693-497D-A997-D009FB519B94}" dt="2021-04-12T15:25:36.649" v="7470" actId="1076"/>
          <ac:picMkLst>
            <pc:docMk/>
            <pc:sldMk cId="1420298074" sldId="285"/>
            <ac:picMk id="8" creationId="{5D099034-B150-452B-AFA5-ACE44D8C3A70}"/>
          </ac:picMkLst>
        </pc:picChg>
      </pc:sldChg>
      <pc:sldChg chg="addSp delSp modSp new del mod ord modAnim modShow modNotesTx">
        <pc:chgData name="Gail Cross" userId="9e0fbb2e9583deed" providerId="LiveId" clId="{A07FF165-3693-497D-A997-D009FB519B94}" dt="2021-04-14T13:24:55.173" v="35544" actId="2696"/>
        <pc:sldMkLst>
          <pc:docMk/>
          <pc:sldMk cId="4185031080" sldId="286"/>
        </pc:sldMkLst>
        <pc:spChg chg="mod">
          <ac:chgData name="Gail Cross" userId="9e0fbb2e9583deed" providerId="LiveId" clId="{A07FF165-3693-497D-A997-D009FB519B94}" dt="2021-04-13T10:51:34.378" v="26678" actId="114"/>
          <ac:spMkLst>
            <pc:docMk/>
            <pc:sldMk cId="4185031080" sldId="286"/>
            <ac:spMk id="2" creationId="{F257E479-BD1E-45E7-B899-7C94BD6A6449}"/>
          </ac:spMkLst>
        </pc:spChg>
        <pc:spChg chg="del">
          <ac:chgData name="Gail Cross" userId="9e0fbb2e9583deed" providerId="LiveId" clId="{A07FF165-3693-497D-A997-D009FB519B94}" dt="2021-04-13T02:56:45.484" v="9374" actId="22"/>
          <ac:spMkLst>
            <pc:docMk/>
            <pc:sldMk cId="4185031080" sldId="286"/>
            <ac:spMk id="3" creationId="{5720A089-DFBB-4C71-819A-3334C3E65323}"/>
          </ac:spMkLst>
        </pc:spChg>
        <pc:spChg chg="add mod">
          <ac:chgData name="Gail Cross" userId="9e0fbb2e9583deed" providerId="LiveId" clId="{A07FF165-3693-497D-A997-D009FB519B94}" dt="2021-04-13T10:54:37.920" v="26950" actId="1076"/>
          <ac:spMkLst>
            <pc:docMk/>
            <pc:sldMk cId="4185031080" sldId="286"/>
            <ac:spMk id="6" creationId="{B9177E3E-8CAC-47E4-A382-500218AA89FF}"/>
          </ac:spMkLst>
        </pc:spChg>
        <pc:picChg chg="add mod ord modCrop">
          <ac:chgData name="Gail Cross" userId="9e0fbb2e9583deed" providerId="LiveId" clId="{A07FF165-3693-497D-A997-D009FB519B94}" dt="2021-04-13T10:51:06.037" v="26676" actId="14100"/>
          <ac:picMkLst>
            <pc:docMk/>
            <pc:sldMk cId="4185031080" sldId="286"/>
            <ac:picMk id="5" creationId="{DD7636EF-B321-45F1-807D-33BDCFF284C1}"/>
          </ac:picMkLst>
        </pc:picChg>
        <pc:picChg chg="add del mod modCrop">
          <ac:chgData name="Gail Cross" userId="9e0fbb2e9583deed" providerId="LiveId" clId="{A07FF165-3693-497D-A997-D009FB519B94}" dt="2021-04-13T03:06:43.085" v="9590" actId="478"/>
          <ac:picMkLst>
            <pc:docMk/>
            <pc:sldMk cId="4185031080" sldId="286"/>
            <ac:picMk id="8" creationId="{74667966-A23B-49BF-B3A9-DCAE18818164}"/>
          </ac:picMkLst>
        </pc:picChg>
        <pc:picChg chg="add mod modCrop">
          <ac:chgData name="Gail Cross" userId="9e0fbb2e9583deed" providerId="LiveId" clId="{A07FF165-3693-497D-A997-D009FB519B94}" dt="2021-04-13T10:50:52.626" v="26670" actId="1076"/>
          <ac:picMkLst>
            <pc:docMk/>
            <pc:sldMk cId="4185031080" sldId="286"/>
            <ac:picMk id="10" creationId="{482C2191-1760-4FCF-BC7C-8777DFC8B3D4}"/>
          </ac:picMkLst>
        </pc:picChg>
        <pc:picChg chg="add mod">
          <ac:chgData name="Gail Cross" userId="9e0fbb2e9583deed" providerId="LiveId" clId="{A07FF165-3693-497D-A997-D009FB519B94}" dt="2021-04-13T10:51:08.048" v="26677" actId="1076"/>
          <ac:picMkLst>
            <pc:docMk/>
            <pc:sldMk cId="4185031080" sldId="286"/>
            <ac:picMk id="12" creationId="{CF396FE0-C723-458C-BF2C-BAFEA624F4A9}"/>
          </ac:picMkLst>
        </pc:picChg>
      </pc:sldChg>
      <pc:sldChg chg="addSp delSp modSp new mod ord modNotesTx">
        <pc:chgData name="Gail Cross" userId="9e0fbb2e9583deed" providerId="LiveId" clId="{A07FF165-3693-497D-A997-D009FB519B94}" dt="2021-04-14T17:28:29.660" v="58798" actId="20577"/>
        <pc:sldMkLst>
          <pc:docMk/>
          <pc:sldMk cId="3575247208" sldId="287"/>
        </pc:sldMkLst>
        <pc:spChg chg="mod">
          <ac:chgData name="Gail Cross" userId="9e0fbb2e9583deed" providerId="LiveId" clId="{A07FF165-3693-497D-A997-D009FB519B94}" dt="2021-04-14T17:28:29.660" v="58798" actId="20577"/>
          <ac:spMkLst>
            <pc:docMk/>
            <pc:sldMk cId="3575247208" sldId="287"/>
            <ac:spMk id="2" creationId="{6F174202-2D73-473B-82B0-2256FD658EAF}"/>
          </ac:spMkLst>
        </pc:spChg>
        <pc:spChg chg="del">
          <ac:chgData name="Gail Cross" userId="9e0fbb2e9583deed" providerId="LiveId" clId="{A07FF165-3693-497D-A997-D009FB519B94}" dt="2021-04-13T03:40:07.253" v="11684" actId="22"/>
          <ac:spMkLst>
            <pc:docMk/>
            <pc:sldMk cId="3575247208" sldId="287"/>
            <ac:spMk id="3" creationId="{BBBDD151-A197-4FCE-B4C8-25B47C358A72}"/>
          </ac:spMkLst>
        </pc:spChg>
        <pc:spChg chg="add mod">
          <ac:chgData name="Gail Cross" userId="9e0fbb2e9583deed" providerId="LiveId" clId="{A07FF165-3693-497D-A997-D009FB519B94}" dt="2021-04-13T10:57:10.844" v="27102" actId="1076"/>
          <ac:spMkLst>
            <pc:docMk/>
            <pc:sldMk cId="3575247208" sldId="287"/>
            <ac:spMk id="6" creationId="{290CCE98-80B4-4BC0-8FDE-0E145372AE9B}"/>
          </ac:spMkLst>
        </pc:spChg>
        <pc:picChg chg="add mod ord">
          <ac:chgData name="Gail Cross" userId="9e0fbb2e9583deed" providerId="LiveId" clId="{A07FF165-3693-497D-A997-D009FB519B94}" dt="2021-04-13T10:57:05.032" v="27099" actId="1076"/>
          <ac:picMkLst>
            <pc:docMk/>
            <pc:sldMk cId="3575247208" sldId="287"/>
            <ac:picMk id="5" creationId="{E34EF4E0-7353-4C37-BAC9-F01FD3F5A855}"/>
          </ac:picMkLst>
        </pc:picChg>
      </pc:sldChg>
      <pc:sldChg chg="addSp delSp modSp new del mod modShow modNotesTx">
        <pc:chgData name="Gail Cross" userId="9e0fbb2e9583deed" providerId="LiveId" clId="{A07FF165-3693-497D-A997-D009FB519B94}" dt="2021-04-14T14:24:47.665" v="36419" actId="2696"/>
        <pc:sldMkLst>
          <pc:docMk/>
          <pc:sldMk cId="1434522559" sldId="288"/>
        </pc:sldMkLst>
        <pc:spChg chg="mod">
          <ac:chgData name="Gail Cross" userId="9e0fbb2e9583deed" providerId="LiveId" clId="{A07FF165-3693-497D-A997-D009FB519B94}" dt="2021-04-13T03:47:16.017" v="12564" actId="255"/>
          <ac:spMkLst>
            <pc:docMk/>
            <pc:sldMk cId="1434522559" sldId="288"/>
            <ac:spMk id="2" creationId="{B09F3454-8A1C-4FC6-AA87-91C9872C3B5D}"/>
          </ac:spMkLst>
        </pc:spChg>
        <pc:spChg chg="del">
          <ac:chgData name="Gail Cross" userId="9e0fbb2e9583deed" providerId="LiveId" clId="{A07FF165-3693-497D-A997-D009FB519B94}" dt="2021-04-13T03:47:53.081" v="12565" actId="22"/>
          <ac:spMkLst>
            <pc:docMk/>
            <pc:sldMk cId="1434522559" sldId="288"/>
            <ac:spMk id="3" creationId="{DB0B51F1-D30D-4CBE-8A78-FB450BE7CCE9}"/>
          </ac:spMkLst>
        </pc:spChg>
        <pc:spChg chg="add del mod">
          <ac:chgData name="Gail Cross" userId="9e0fbb2e9583deed" providerId="LiveId" clId="{A07FF165-3693-497D-A997-D009FB519B94}" dt="2021-04-13T03:49:43.694" v="12843" actId="22"/>
          <ac:spMkLst>
            <pc:docMk/>
            <pc:sldMk cId="1434522559" sldId="288"/>
            <ac:spMk id="7" creationId="{9163831A-6298-4C73-B5F1-094B09149E13}"/>
          </ac:spMkLst>
        </pc:spChg>
        <pc:spChg chg="add mod">
          <ac:chgData name="Gail Cross" userId="9e0fbb2e9583deed" providerId="LiveId" clId="{A07FF165-3693-497D-A997-D009FB519B94}" dt="2021-04-13T04:02:33.705" v="13091" actId="255"/>
          <ac:spMkLst>
            <pc:docMk/>
            <pc:sldMk cId="1434522559" sldId="288"/>
            <ac:spMk id="13" creationId="{9DD96A99-1A41-4C45-B9F3-E8F231CA37C6}"/>
          </ac:spMkLst>
        </pc:spChg>
        <pc:picChg chg="add del mod ord">
          <ac:chgData name="Gail Cross" userId="9e0fbb2e9583deed" providerId="LiveId" clId="{A07FF165-3693-497D-A997-D009FB519B94}" dt="2021-04-13T03:49:35.147" v="12842" actId="478"/>
          <ac:picMkLst>
            <pc:docMk/>
            <pc:sldMk cId="1434522559" sldId="288"/>
            <ac:picMk id="5" creationId="{EB705077-43B8-4F6A-A1A4-4FAA8A75D702}"/>
          </ac:picMkLst>
        </pc:picChg>
        <pc:picChg chg="add mod ord modCrop">
          <ac:chgData name="Gail Cross" userId="9e0fbb2e9583deed" providerId="LiveId" clId="{A07FF165-3693-497D-A997-D009FB519B94}" dt="2021-04-13T04:05:17.353" v="13093" actId="732"/>
          <ac:picMkLst>
            <pc:docMk/>
            <pc:sldMk cId="1434522559" sldId="288"/>
            <ac:picMk id="9" creationId="{8B5B99F7-23E6-48F3-93DF-D1F236C3294E}"/>
          </ac:picMkLst>
        </pc:picChg>
        <pc:picChg chg="add del mod">
          <ac:chgData name="Gail Cross" userId="9e0fbb2e9583deed" providerId="LiveId" clId="{A07FF165-3693-497D-A997-D009FB519B94}" dt="2021-04-13T03:50:56.490" v="12854" actId="478"/>
          <ac:picMkLst>
            <pc:docMk/>
            <pc:sldMk cId="1434522559" sldId="288"/>
            <ac:picMk id="11" creationId="{206A7937-826A-4DBE-B66E-C0E4E2AAED8F}"/>
          </ac:picMkLst>
        </pc:picChg>
        <pc:picChg chg="add del mod">
          <ac:chgData name="Gail Cross" userId="9e0fbb2e9583deed" providerId="LiveId" clId="{A07FF165-3693-497D-A997-D009FB519B94}" dt="2021-04-13T03:52:15.186" v="12876" actId="478"/>
          <ac:picMkLst>
            <pc:docMk/>
            <pc:sldMk cId="1434522559" sldId="288"/>
            <ac:picMk id="12" creationId="{1A22FEEB-78F3-4778-9687-7478DCCE06EB}"/>
          </ac:picMkLst>
        </pc:picChg>
      </pc:sldChg>
      <pc:sldChg chg="addSp delSp modSp new mod ord modNotesTx">
        <pc:chgData name="Gail Cross" userId="9e0fbb2e9583deed" providerId="LiveId" clId="{A07FF165-3693-497D-A997-D009FB519B94}" dt="2021-04-14T15:49:09.388" v="38647" actId="20577"/>
        <pc:sldMkLst>
          <pc:docMk/>
          <pc:sldMk cId="321151075" sldId="289"/>
        </pc:sldMkLst>
        <pc:spChg chg="mod">
          <ac:chgData name="Gail Cross" userId="9e0fbb2e9583deed" providerId="LiveId" clId="{A07FF165-3693-497D-A997-D009FB519B94}" dt="2021-04-14T15:49:09.388" v="38647" actId="20577"/>
          <ac:spMkLst>
            <pc:docMk/>
            <pc:sldMk cId="321151075" sldId="289"/>
            <ac:spMk id="2" creationId="{7E864C5A-C511-4C3A-8FCE-6E32C9AFAB75}"/>
          </ac:spMkLst>
        </pc:spChg>
        <pc:spChg chg="del">
          <ac:chgData name="Gail Cross" userId="9e0fbb2e9583deed" providerId="LiveId" clId="{A07FF165-3693-497D-A997-D009FB519B94}" dt="2021-04-13T04:15:13.236" v="13713" actId="22"/>
          <ac:spMkLst>
            <pc:docMk/>
            <pc:sldMk cId="321151075" sldId="289"/>
            <ac:spMk id="3" creationId="{BB790005-0CDC-4040-9D2B-2317FB2E22D8}"/>
          </ac:spMkLst>
        </pc:spChg>
        <pc:spChg chg="add mod">
          <ac:chgData name="Gail Cross" userId="9e0fbb2e9583deed" providerId="LiveId" clId="{A07FF165-3693-497D-A997-D009FB519B94}" dt="2021-04-14T14:01:43.917" v="35948" actId="20577"/>
          <ac:spMkLst>
            <pc:docMk/>
            <pc:sldMk cId="321151075" sldId="289"/>
            <ac:spMk id="8" creationId="{ED59559F-F5F0-42D0-8372-FCB670591251}"/>
          </ac:spMkLst>
        </pc:spChg>
        <pc:picChg chg="add mod ord modCrop">
          <ac:chgData name="Gail Cross" userId="9e0fbb2e9583deed" providerId="LiveId" clId="{A07FF165-3693-497D-A997-D009FB519B94}" dt="2021-04-13T04:20:21.866" v="13842" actId="14100"/>
          <ac:picMkLst>
            <pc:docMk/>
            <pc:sldMk cId="321151075" sldId="289"/>
            <ac:picMk id="5" creationId="{5F16749C-55B7-4B80-BBF5-AF4548ADFAA2}"/>
          </ac:picMkLst>
        </pc:picChg>
        <pc:picChg chg="add del mod">
          <ac:chgData name="Gail Cross" userId="9e0fbb2e9583deed" providerId="LiveId" clId="{A07FF165-3693-497D-A997-D009FB519B94}" dt="2021-04-13T04:16:36.336" v="13806" actId="21"/>
          <ac:picMkLst>
            <pc:docMk/>
            <pc:sldMk cId="321151075" sldId="289"/>
            <ac:picMk id="7" creationId="{01128BF6-9E52-478F-B106-E77370BCC9E9}"/>
          </ac:picMkLst>
        </pc:picChg>
      </pc:sldChg>
      <pc:sldChg chg="modSp new del mod">
        <pc:chgData name="Gail Cross" userId="9e0fbb2e9583deed" providerId="LiveId" clId="{A07FF165-3693-497D-A997-D009FB519B94}" dt="2021-04-13T04:11:33.604" v="13593" actId="47"/>
        <pc:sldMkLst>
          <pc:docMk/>
          <pc:sldMk cId="2133361458" sldId="290"/>
        </pc:sldMkLst>
        <pc:spChg chg="mod">
          <ac:chgData name="Gail Cross" userId="9e0fbb2e9583deed" providerId="LiveId" clId="{A07FF165-3693-497D-A997-D009FB519B94}" dt="2021-04-13T04:05:59.505" v="13112" actId="20577"/>
          <ac:spMkLst>
            <pc:docMk/>
            <pc:sldMk cId="2133361458" sldId="290"/>
            <ac:spMk id="2" creationId="{667CF1D7-0780-4899-90D5-DBB0EFE905F1}"/>
          </ac:spMkLst>
        </pc:spChg>
      </pc:sldChg>
      <pc:sldChg chg="addSp delSp modSp new mod ord modNotesTx">
        <pc:chgData name="Gail Cross" userId="9e0fbb2e9583deed" providerId="LiveId" clId="{A07FF165-3693-497D-A997-D009FB519B94}" dt="2021-04-14T14:01:51.400" v="35950" actId="20577"/>
        <pc:sldMkLst>
          <pc:docMk/>
          <pc:sldMk cId="3282207721" sldId="290"/>
        </pc:sldMkLst>
        <pc:spChg chg="mod">
          <ac:chgData name="Gail Cross" userId="9e0fbb2e9583deed" providerId="LiveId" clId="{A07FF165-3693-497D-A997-D009FB519B94}" dt="2021-04-13T04:16:53.492" v="13836" actId="20577"/>
          <ac:spMkLst>
            <pc:docMk/>
            <pc:sldMk cId="3282207721" sldId="290"/>
            <ac:spMk id="2" creationId="{037BE230-D039-4199-8909-887277F0D32D}"/>
          </ac:spMkLst>
        </pc:spChg>
        <pc:spChg chg="del">
          <ac:chgData name="Gail Cross" userId="9e0fbb2e9583deed" providerId="LiveId" clId="{A07FF165-3693-497D-A997-D009FB519B94}" dt="2021-04-13T04:16:44.608" v="13807"/>
          <ac:spMkLst>
            <pc:docMk/>
            <pc:sldMk cId="3282207721" sldId="290"/>
            <ac:spMk id="3" creationId="{256F022C-D480-472A-9A4E-92638E9613DB}"/>
          </ac:spMkLst>
        </pc:spChg>
        <pc:spChg chg="add mod">
          <ac:chgData name="Gail Cross" userId="9e0fbb2e9583deed" providerId="LiveId" clId="{A07FF165-3693-497D-A997-D009FB519B94}" dt="2021-04-14T14:01:51.400" v="35950" actId="20577"/>
          <ac:spMkLst>
            <pc:docMk/>
            <pc:sldMk cId="3282207721" sldId="290"/>
            <ac:spMk id="5" creationId="{4F3C24F1-2405-4061-AA3C-BFA1C00F0E8B}"/>
          </ac:spMkLst>
        </pc:spChg>
        <pc:picChg chg="add mod">
          <ac:chgData name="Gail Cross" userId="9e0fbb2e9583deed" providerId="LiveId" clId="{A07FF165-3693-497D-A997-D009FB519B94}" dt="2021-04-13T04:16:44.608" v="13807"/>
          <ac:picMkLst>
            <pc:docMk/>
            <pc:sldMk cId="3282207721" sldId="290"/>
            <ac:picMk id="4" creationId="{695E6EA2-F7A2-46FA-92FA-B741F013A234}"/>
          </ac:picMkLst>
        </pc:picChg>
      </pc:sldChg>
      <pc:sldChg chg="addSp delSp modSp new mod ord modAnim modShow modNotesTx">
        <pc:chgData name="Gail Cross" userId="9e0fbb2e9583deed" providerId="LiveId" clId="{A07FF165-3693-497D-A997-D009FB519B94}" dt="2021-04-15T10:57:22.168" v="62684"/>
        <pc:sldMkLst>
          <pc:docMk/>
          <pc:sldMk cId="1972838515" sldId="291"/>
        </pc:sldMkLst>
        <pc:spChg chg="mod">
          <ac:chgData name="Gail Cross" userId="9e0fbb2e9583deed" providerId="LiveId" clId="{A07FF165-3693-497D-A997-D009FB519B94}" dt="2021-04-14T17:28:53.536" v="58799" actId="20577"/>
          <ac:spMkLst>
            <pc:docMk/>
            <pc:sldMk cId="1972838515" sldId="291"/>
            <ac:spMk id="2" creationId="{5FAFDD50-48E0-4177-8C35-FA48CE0ACCBA}"/>
          </ac:spMkLst>
        </pc:spChg>
        <pc:spChg chg="del">
          <ac:chgData name="Gail Cross" userId="9e0fbb2e9583deed" providerId="LiveId" clId="{A07FF165-3693-497D-A997-D009FB519B94}" dt="2021-04-13T04:36:46.887" v="14934" actId="22"/>
          <ac:spMkLst>
            <pc:docMk/>
            <pc:sldMk cId="1972838515" sldId="291"/>
            <ac:spMk id="3" creationId="{49714E55-7BD9-494F-8A8D-33C41D843062}"/>
          </ac:spMkLst>
        </pc:spChg>
        <pc:spChg chg="add mod">
          <ac:chgData name="Gail Cross" userId="9e0fbb2e9583deed" providerId="LiveId" clId="{A07FF165-3693-497D-A997-D009FB519B94}" dt="2021-04-15T03:33:53.666" v="59876" actId="20577"/>
          <ac:spMkLst>
            <pc:docMk/>
            <pc:sldMk cId="1972838515" sldId="291"/>
            <ac:spMk id="7" creationId="{026BF727-A224-4433-B9B3-21BD18A61611}"/>
          </ac:spMkLst>
        </pc:spChg>
        <pc:spChg chg="add mod">
          <ac:chgData name="Gail Cross" userId="9e0fbb2e9583deed" providerId="LiveId" clId="{A07FF165-3693-497D-A997-D009FB519B94}" dt="2021-04-14T16:23:28.549" v="39297" actId="14100"/>
          <ac:spMkLst>
            <pc:docMk/>
            <pc:sldMk cId="1972838515" sldId="291"/>
            <ac:spMk id="9" creationId="{693A1D07-167C-48BB-B661-9564F273EC65}"/>
          </ac:spMkLst>
        </pc:spChg>
        <pc:spChg chg="add mod">
          <ac:chgData name="Gail Cross" userId="9e0fbb2e9583deed" providerId="LiveId" clId="{A07FF165-3693-497D-A997-D009FB519B94}" dt="2021-04-14T16:23:48.084" v="39303" actId="14100"/>
          <ac:spMkLst>
            <pc:docMk/>
            <pc:sldMk cId="1972838515" sldId="291"/>
            <ac:spMk id="10" creationId="{F73726F8-8D19-4F2E-8747-479361A3B646}"/>
          </ac:spMkLst>
        </pc:spChg>
        <pc:picChg chg="add mod ord modCrop">
          <ac:chgData name="Gail Cross" userId="9e0fbb2e9583deed" providerId="LiveId" clId="{A07FF165-3693-497D-A997-D009FB519B94}" dt="2021-04-14T16:22:44.690" v="39286" actId="1076"/>
          <ac:picMkLst>
            <pc:docMk/>
            <pc:sldMk cId="1972838515" sldId="291"/>
            <ac:picMk id="5" creationId="{DBEA69DE-0CAB-4533-B442-FE914EB9430F}"/>
          </ac:picMkLst>
        </pc:picChg>
        <pc:picChg chg="add del mod">
          <ac:chgData name="Gail Cross" userId="9e0fbb2e9583deed" providerId="LiveId" clId="{A07FF165-3693-497D-A997-D009FB519B94}" dt="2021-04-13T04:39:27.396" v="15328" actId="478"/>
          <ac:picMkLst>
            <pc:docMk/>
            <pc:sldMk cId="1972838515" sldId="291"/>
            <ac:picMk id="6" creationId="{5341A188-A9CA-4E98-9853-C64B453D9034}"/>
          </ac:picMkLst>
        </pc:picChg>
        <pc:picChg chg="add mod">
          <ac:chgData name="Gail Cross" userId="9e0fbb2e9583deed" providerId="LiveId" clId="{A07FF165-3693-497D-A997-D009FB519B94}" dt="2021-04-14T16:24:06.378" v="39308" actId="1076"/>
          <ac:picMkLst>
            <pc:docMk/>
            <pc:sldMk cId="1972838515" sldId="291"/>
            <ac:picMk id="8" creationId="{B894B134-F9F5-421B-A7F8-CAC104D4F43B}"/>
          </ac:picMkLst>
        </pc:picChg>
      </pc:sldChg>
      <pc:sldChg chg="addSp delSp modSp new del mod ord modNotesTx">
        <pc:chgData name="Gail Cross" userId="9e0fbb2e9583deed" providerId="LiveId" clId="{A07FF165-3693-497D-A997-D009FB519B94}" dt="2021-04-14T16:24:03.604" v="39307" actId="47"/>
        <pc:sldMkLst>
          <pc:docMk/>
          <pc:sldMk cId="2403016094" sldId="292"/>
        </pc:sldMkLst>
        <pc:spChg chg="mod">
          <ac:chgData name="Gail Cross" userId="9e0fbb2e9583deed" providerId="LiveId" clId="{A07FF165-3693-497D-A997-D009FB519B94}" dt="2021-04-13T04:41:00.310" v="15403"/>
          <ac:spMkLst>
            <pc:docMk/>
            <pc:sldMk cId="2403016094" sldId="292"/>
            <ac:spMk id="2" creationId="{59DCE075-3D37-46E7-84DA-D3B1E4E75994}"/>
          </ac:spMkLst>
        </pc:spChg>
        <pc:spChg chg="del">
          <ac:chgData name="Gail Cross" userId="9e0fbb2e9583deed" providerId="LiveId" clId="{A07FF165-3693-497D-A997-D009FB519B94}" dt="2021-04-13T04:40:44.992" v="15400" actId="22"/>
          <ac:spMkLst>
            <pc:docMk/>
            <pc:sldMk cId="2403016094" sldId="292"/>
            <ac:spMk id="3" creationId="{10A21CE9-57BB-435E-BABE-4256BA0B7D82}"/>
          </ac:spMkLst>
        </pc:spChg>
        <pc:spChg chg="add del mod">
          <ac:chgData name="Gail Cross" userId="9e0fbb2e9583deed" providerId="LiveId" clId="{A07FF165-3693-497D-A997-D009FB519B94}" dt="2021-04-14T16:23:11.111" v="39292" actId="21"/>
          <ac:spMkLst>
            <pc:docMk/>
            <pc:sldMk cId="2403016094" sldId="292"/>
            <ac:spMk id="6" creationId="{F4F0B4D8-2D4F-4C10-A938-70D480F20E06}"/>
          </ac:spMkLst>
        </pc:spChg>
        <pc:spChg chg="add del mod">
          <ac:chgData name="Gail Cross" userId="9e0fbb2e9583deed" providerId="LiveId" clId="{A07FF165-3693-497D-A997-D009FB519B94}" dt="2021-04-14T16:23:31.746" v="39298" actId="21"/>
          <ac:spMkLst>
            <pc:docMk/>
            <pc:sldMk cId="2403016094" sldId="292"/>
            <ac:spMk id="7" creationId="{B6466F9A-A4A0-4698-8468-0EE9E1231257}"/>
          </ac:spMkLst>
        </pc:spChg>
        <pc:spChg chg="add del mod">
          <ac:chgData name="Gail Cross" userId="9e0fbb2e9583deed" providerId="LiveId" clId="{A07FF165-3693-497D-A997-D009FB519B94}" dt="2021-04-14T13:34:59.028" v="35645" actId="478"/>
          <ac:spMkLst>
            <pc:docMk/>
            <pc:sldMk cId="2403016094" sldId="292"/>
            <ac:spMk id="8" creationId="{267E9001-5991-417B-9519-E02A5D9A4128}"/>
          </ac:spMkLst>
        </pc:spChg>
        <pc:spChg chg="add mod">
          <ac:chgData name="Gail Cross" userId="9e0fbb2e9583deed" providerId="LiveId" clId="{A07FF165-3693-497D-A997-D009FB519B94}" dt="2021-04-14T13:35:00.630" v="35646"/>
          <ac:spMkLst>
            <pc:docMk/>
            <pc:sldMk cId="2403016094" sldId="292"/>
            <ac:spMk id="9" creationId="{927D339D-218C-43CA-A4E6-0A0F1F2AF347}"/>
          </ac:spMkLst>
        </pc:spChg>
        <pc:spChg chg="add del mod">
          <ac:chgData name="Gail Cross" userId="9e0fbb2e9583deed" providerId="LiveId" clId="{A07FF165-3693-497D-A997-D009FB519B94}" dt="2021-04-14T16:23:08.559" v="39291" actId="478"/>
          <ac:spMkLst>
            <pc:docMk/>
            <pc:sldMk cId="2403016094" sldId="292"/>
            <ac:spMk id="11" creationId="{3ED70ADC-F3DE-4518-844A-04601BF73574}"/>
          </ac:spMkLst>
        </pc:spChg>
        <pc:picChg chg="add del mod ord">
          <ac:chgData name="Gail Cross" userId="9e0fbb2e9583deed" providerId="LiveId" clId="{A07FF165-3693-497D-A997-D009FB519B94}" dt="2021-04-14T16:22:48.225" v="39287" actId="21"/>
          <ac:picMkLst>
            <pc:docMk/>
            <pc:sldMk cId="2403016094" sldId="292"/>
            <ac:picMk id="5" creationId="{1905C0F6-8A9B-459A-B3BE-27AFB6D077EC}"/>
          </ac:picMkLst>
        </pc:picChg>
      </pc:sldChg>
      <pc:sldChg chg="addSp delSp modSp new mod ord setBg modNotesTx">
        <pc:chgData name="Gail Cross" userId="9e0fbb2e9583deed" providerId="LiveId" clId="{A07FF165-3693-497D-A997-D009FB519B94}" dt="2021-04-14T14:15:15.733" v="36414" actId="20577"/>
        <pc:sldMkLst>
          <pc:docMk/>
          <pc:sldMk cId="3193304697" sldId="293"/>
        </pc:sldMkLst>
        <pc:spChg chg="mod">
          <ac:chgData name="Gail Cross" userId="9e0fbb2e9583deed" providerId="LiveId" clId="{A07FF165-3693-497D-A997-D009FB519B94}" dt="2021-04-13T04:51:14.325" v="15825" actId="1076"/>
          <ac:spMkLst>
            <pc:docMk/>
            <pc:sldMk cId="3193304697" sldId="293"/>
            <ac:spMk id="2" creationId="{81A21D9F-2AB5-4C74-B539-D0DE4AFC05D9}"/>
          </ac:spMkLst>
        </pc:spChg>
        <pc:spChg chg="del">
          <ac:chgData name="Gail Cross" userId="9e0fbb2e9583deed" providerId="LiveId" clId="{A07FF165-3693-497D-A997-D009FB519B94}" dt="2021-04-13T04:48:52.633" v="15793"/>
          <ac:spMkLst>
            <pc:docMk/>
            <pc:sldMk cId="3193304697" sldId="293"/>
            <ac:spMk id="3" creationId="{4689A9B6-B578-4D17-B1BB-FFF9941E26B8}"/>
          </ac:spMkLst>
        </pc:spChg>
        <pc:spChg chg="add del">
          <ac:chgData name="Gail Cross" userId="9e0fbb2e9583deed" providerId="LiveId" clId="{A07FF165-3693-497D-A997-D009FB519B94}" dt="2021-04-13T04:49:05.315" v="15795" actId="26606"/>
          <ac:spMkLst>
            <pc:docMk/>
            <pc:sldMk cId="3193304697" sldId="293"/>
            <ac:spMk id="9" creationId="{A4AC5506-6312-4701-8D3C-40187889A947}"/>
          </ac:spMkLst>
        </pc:spChg>
        <pc:spChg chg="add">
          <ac:chgData name="Gail Cross" userId="9e0fbb2e9583deed" providerId="LiveId" clId="{A07FF165-3693-497D-A997-D009FB519B94}" dt="2021-04-13T04:49:05.341" v="15796" actId="26606"/>
          <ac:spMkLst>
            <pc:docMk/>
            <pc:sldMk cId="3193304697" sldId="293"/>
            <ac:spMk id="11" creationId="{955A2079-FA98-4876-80F0-72364A7D2EA4}"/>
          </ac:spMkLst>
        </pc:spChg>
        <pc:graphicFrameChg chg="add mod modGraphic">
          <ac:chgData name="Gail Cross" userId="9e0fbb2e9583deed" providerId="LiveId" clId="{A07FF165-3693-497D-A997-D009FB519B94}" dt="2021-04-13T04:51:52.265" v="15829" actId="20577"/>
          <ac:graphicFrameMkLst>
            <pc:docMk/>
            <pc:sldMk cId="3193304697" sldId="293"/>
            <ac:graphicFrameMk id="4" creationId="{D376EF42-2CCE-4A0D-BBC0-142522FA3DB6}"/>
          </ac:graphicFrameMkLst>
        </pc:graphicFrameChg>
      </pc:sldChg>
      <pc:sldChg chg="addSp delSp modSp new del mod setBg setClrOvrMap">
        <pc:chgData name="Gail Cross" userId="9e0fbb2e9583deed" providerId="LiveId" clId="{A07FF165-3693-497D-A997-D009FB519B94}" dt="2021-04-13T05:29:21.832" v="17331" actId="47"/>
        <pc:sldMkLst>
          <pc:docMk/>
          <pc:sldMk cId="2744999581" sldId="294"/>
        </pc:sldMkLst>
        <pc:spChg chg="mod">
          <ac:chgData name="Gail Cross" userId="9e0fbb2e9583deed" providerId="LiveId" clId="{A07FF165-3693-497D-A997-D009FB519B94}" dt="2021-04-13T05:22:06.381" v="16989" actId="26606"/>
          <ac:spMkLst>
            <pc:docMk/>
            <pc:sldMk cId="2744999581" sldId="294"/>
            <ac:spMk id="2" creationId="{BEA8F3E9-CFEF-4564-9B22-8006B8F94A86}"/>
          </ac:spMkLst>
        </pc:spChg>
        <pc:spChg chg="del">
          <ac:chgData name="Gail Cross" userId="9e0fbb2e9583deed" providerId="LiveId" clId="{A07FF165-3693-497D-A997-D009FB519B94}" dt="2021-04-13T05:17:36.931" v="16801" actId="22"/>
          <ac:spMkLst>
            <pc:docMk/>
            <pc:sldMk cId="2744999581" sldId="294"/>
            <ac:spMk id="3" creationId="{935B328C-227F-485D-9CB3-134759EBE4D4}"/>
          </ac:spMkLst>
        </pc:spChg>
        <pc:spChg chg="del">
          <ac:chgData name="Gail Cross" userId="9e0fbb2e9583deed" providerId="LiveId" clId="{A07FF165-3693-497D-A997-D009FB519B94}" dt="2021-04-13T05:17:39.913" v="16802" actId="26606"/>
          <ac:spMkLst>
            <pc:docMk/>
            <pc:sldMk cId="2744999581" sldId="294"/>
            <ac:spMk id="4" creationId="{3B98F2E4-AC23-4FD9-AA9F-CD1D957DCFE2}"/>
          </ac:spMkLst>
        </pc:spChg>
        <pc:spChg chg="add mod">
          <ac:chgData name="Gail Cross" userId="9e0fbb2e9583deed" providerId="LiveId" clId="{A07FF165-3693-497D-A997-D009FB519B94}" dt="2021-04-13T05:22:06.381" v="16989" actId="26606"/>
          <ac:spMkLst>
            <pc:docMk/>
            <pc:sldMk cId="2744999581" sldId="294"/>
            <ac:spMk id="7" creationId="{2BDCE28F-A8C9-45B7-A0DC-E48F1BEAEE62}"/>
          </ac:spMkLst>
        </pc:spChg>
        <pc:spChg chg="add del mod">
          <ac:chgData name="Gail Cross" userId="9e0fbb2e9583deed" providerId="LiveId" clId="{A07FF165-3693-497D-A997-D009FB519B94}" dt="2021-04-13T05:21:48.298" v="16984" actId="22"/>
          <ac:spMkLst>
            <pc:docMk/>
            <pc:sldMk cId="2744999581" sldId="294"/>
            <ac:spMk id="9" creationId="{B77682B3-8A18-4C82-898A-D6DAD83C0EF3}"/>
          </ac:spMkLst>
        </pc:spChg>
        <pc:spChg chg="add del">
          <ac:chgData name="Gail Cross" userId="9e0fbb2e9583deed" providerId="LiveId" clId="{A07FF165-3693-497D-A997-D009FB519B94}" dt="2021-04-13T05:22:06.381" v="16989" actId="26606"/>
          <ac:spMkLst>
            <pc:docMk/>
            <pc:sldMk cId="2744999581" sldId="294"/>
            <ac:spMk id="11" creationId="{1707FC24-6981-43D9-B525-C7832BA22463}"/>
          </ac:spMkLst>
        </pc:spChg>
        <pc:spChg chg="add del">
          <ac:chgData name="Gail Cross" userId="9e0fbb2e9583deed" providerId="LiveId" clId="{A07FF165-3693-497D-A997-D009FB519B94}" dt="2021-04-13T05:22:06.375" v="16988" actId="26606"/>
          <ac:spMkLst>
            <pc:docMk/>
            <pc:sldMk cId="2744999581" sldId="294"/>
            <ac:spMk id="17" creationId="{F2B38F72-8FC4-4001-8C67-FA6B86DEC767}"/>
          </ac:spMkLst>
        </pc:spChg>
        <pc:spChg chg="add">
          <ac:chgData name="Gail Cross" userId="9e0fbb2e9583deed" providerId="LiveId" clId="{A07FF165-3693-497D-A997-D009FB519B94}" dt="2021-04-13T05:22:06.381" v="16989" actId="26606"/>
          <ac:spMkLst>
            <pc:docMk/>
            <pc:sldMk cId="2744999581" sldId="294"/>
            <ac:spMk id="20" creationId="{CEB41C5C-0F34-4DDA-9D7C-5E717F35F60C}"/>
          </ac:spMkLst>
        </pc:spChg>
        <pc:picChg chg="add del mod ord">
          <ac:chgData name="Gail Cross" userId="9e0fbb2e9583deed" providerId="LiveId" clId="{A07FF165-3693-497D-A997-D009FB519B94}" dt="2021-04-13T05:20:15.852" v="16983" actId="478"/>
          <ac:picMkLst>
            <pc:docMk/>
            <pc:sldMk cId="2744999581" sldId="294"/>
            <ac:picMk id="6" creationId="{FF8AD0CB-389D-40C9-91B5-8DDE5276E0C1}"/>
          </ac:picMkLst>
        </pc:picChg>
        <pc:picChg chg="add mod ord">
          <ac:chgData name="Gail Cross" userId="9e0fbb2e9583deed" providerId="LiveId" clId="{A07FF165-3693-497D-A997-D009FB519B94}" dt="2021-04-13T05:22:06.381" v="16989" actId="26606"/>
          <ac:picMkLst>
            <pc:docMk/>
            <pc:sldMk cId="2744999581" sldId="294"/>
            <ac:picMk id="12" creationId="{0B965FAF-02E2-43AA-8C12-50D711A2E154}"/>
          </ac:picMkLst>
        </pc:picChg>
        <pc:cxnChg chg="add">
          <ac:chgData name="Gail Cross" userId="9e0fbb2e9583deed" providerId="LiveId" clId="{A07FF165-3693-497D-A997-D009FB519B94}" dt="2021-04-13T05:22:06.381" v="16989" actId="26606"/>
          <ac:cxnSpMkLst>
            <pc:docMk/>
            <pc:sldMk cId="2744999581" sldId="294"/>
            <ac:cxnSpMk id="19" creationId="{57E1E5E6-F385-4E9C-B201-BA5BDE5CAD52}"/>
          </ac:cxnSpMkLst>
        </pc:cxnChg>
      </pc:sldChg>
      <pc:sldChg chg="addSp delSp modSp new del mod modClrScheme chgLayout">
        <pc:chgData name="Gail Cross" userId="9e0fbb2e9583deed" providerId="LiveId" clId="{A07FF165-3693-497D-A997-D009FB519B94}" dt="2021-04-14T16:15:47.537" v="38883" actId="47"/>
        <pc:sldMkLst>
          <pc:docMk/>
          <pc:sldMk cId="1611330232" sldId="295"/>
        </pc:sldMkLst>
        <pc:spChg chg="del">
          <ac:chgData name="Gail Cross" userId="9e0fbb2e9583deed" providerId="LiveId" clId="{A07FF165-3693-497D-A997-D009FB519B94}" dt="2021-04-13T05:22:26.442" v="16991" actId="6264"/>
          <ac:spMkLst>
            <pc:docMk/>
            <pc:sldMk cId="1611330232" sldId="295"/>
            <ac:spMk id="2" creationId="{7B4C985D-81AC-4059-A42A-134EE2B7C562}"/>
          </ac:spMkLst>
        </pc:spChg>
        <pc:spChg chg="del">
          <ac:chgData name="Gail Cross" userId="9e0fbb2e9583deed" providerId="LiveId" clId="{A07FF165-3693-497D-A997-D009FB519B94}" dt="2021-04-13T05:22:26.442" v="16991" actId="6264"/>
          <ac:spMkLst>
            <pc:docMk/>
            <pc:sldMk cId="1611330232" sldId="295"/>
            <ac:spMk id="3" creationId="{ADBF7F1D-1863-45FF-B706-4E72E40FFE5F}"/>
          </ac:spMkLst>
        </pc:spChg>
        <pc:spChg chg="del">
          <ac:chgData name="Gail Cross" userId="9e0fbb2e9583deed" providerId="LiveId" clId="{A07FF165-3693-497D-A997-D009FB519B94}" dt="2021-04-13T05:22:26.442" v="16991" actId="6264"/>
          <ac:spMkLst>
            <pc:docMk/>
            <pc:sldMk cId="1611330232" sldId="295"/>
            <ac:spMk id="4" creationId="{87E5868A-31B5-40B9-BCB4-A95CAD37EAA8}"/>
          </ac:spMkLst>
        </pc:spChg>
        <pc:spChg chg="add del mod ord">
          <ac:chgData name="Gail Cross" userId="9e0fbb2e9583deed" providerId="LiveId" clId="{A07FF165-3693-497D-A997-D009FB519B94}" dt="2021-04-13T05:22:29.328" v="16992" actId="700"/>
          <ac:spMkLst>
            <pc:docMk/>
            <pc:sldMk cId="1611330232" sldId="295"/>
            <ac:spMk id="5" creationId="{3570946D-E92F-470E-83BC-07E0888E1F5D}"/>
          </ac:spMkLst>
        </pc:spChg>
        <pc:spChg chg="add del mod ord">
          <ac:chgData name="Gail Cross" userId="9e0fbb2e9583deed" providerId="LiveId" clId="{A07FF165-3693-497D-A997-D009FB519B94}" dt="2021-04-13T05:22:29.328" v="16992" actId="700"/>
          <ac:spMkLst>
            <pc:docMk/>
            <pc:sldMk cId="1611330232" sldId="295"/>
            <ac:spMk id="6" creationId="{90D11FE2-C9E2-418E-87EC-F572A408D39D}"/>
          </ac:spMkLst>
        </pc:spChg>
        <pc:spChg chg="add del mod ord">
          <ac:chgData name="Gail Cross" userId="9e0fbb2e9583deed" providerId="LiveId" clId="{A07FF165-3693-497D-A997-D009FB519B94}" dt="2021-04-13T05:22:29.328" v="16992" actId="700"/>
          <ac:spMkLst>
            <pc:docMk/>
            <pc:sldMk cId="1611330232" sldId="295"/>
            <ac:spMk id="7" creationId="{D37D4BD6-B3B7-4E54-B4F6-7813BCD2F95E}"/>
          </ac:spMkLst>
        </pc:spChg>
        <pc:spChg chg="add mod">
          <ac:chgData name="Gail Cross" userId="9e0fbb2e9583deed" providerId="LiveId" clId="{A07FF165-3693-497D-A997-D009FB519B94}" dt="2021-04-13T05:23:04.431" v="17021" actId="113"/>
          <ac:spMkLst>
            <pc:docMk/>
            <pc:sldMk cId="1611330232" sldId="295"/>
            <ac:spMk id="10" creationId="{A5117F60-C6C8-4F8D-9F8C-0425B1343921}"/>
          </ac:spMkLst>
        </pc:spChg>
        <pc:spChg chg="add del mod">
          <ac:chgData name="Gail Cross" userId="9e0fbb2e9583deed" providerId="LiveId" clId="{A07FF165-3693-497D-A997-D009FB519B94}" dt="2021-04-13T05:24:05.338" v="17027"/>
          <ac:spMkLst>
            <pc:docMk/>
            <pc:sldMk cId="1611330232" sldId="295"/>
            <ac:spMk id="11" creationId="{CC02D284-4485-462B-8F6F-FD056A486DBF}"/>
          </ac:spMkLst>
        </pc:spChg>
        <pc:spChg chg="add del mod">
          <ac:chgData name="Gail Cross" userId="9e0fbb2e9583deed" providerId="LiveId" clId="{A07FF165-3693-497D-A997-D009FB519B94}" dt="2021-04-13T05:27:23.928" v="17224" actId="478"/>
          <ac:spMkLst>
            <pc:docMk/>
            <pc:sldMk cId="1611330232" sldId="295"/>
            <ac:spMk id="12" creationId="{E444396E-A722-42DD-A3B7-2C2EDE2658D1}"/>
          </ac:spMkLst>
        </pc:spChg>
        <pc:spChg chg="add mod">
          <ac:chgData name="Gail Cross" userId="9e0fbb2e9583deed" providerId="LiveId" clId="{A07FF165-3693-497D-A997-D009FB519B94}" dt="2021-04-13T05:24:12.633" v="17029" actId="1076"/>
          <ac:spMkLst>
            <pc:docMk/>
            <pc:sldMk cId="1611330232" sldId="295"/>
            <ac:spMk id="13" creationId="{64596CAF-4CF8-43D9-A054-A3FF093536CE}"/>
          </ac:spMkLst>
        </pc:spChg>
        <pc:spChg chg="add mod">
          <ac:chgData name="Gail Cross" userId="9e0fbb2e9583deed" providerId="LiveId" clId="{A07FF165-3693-497D-A997-D009FB519B94}" dt="2021-04-13T05:24:19.701" v="17031" actId="1076"/>
          <ac:spMkLst>
            <pc:docMk/>
            <pc:sldMk cId="1611330232" sldId="295"/>
            <ac:spMk id="14" creationId="{10B0A805-C192-452E-860D-EE26D337B80B}"/>
          </ac:spMkLst>
        </pc:spChg>
        <pc:spChg chg="add mod">
          <ac:chgData name="Gail Cross" userId="9e0fbb2e9583deed" providerId="LiveId" clId="{A07FF165-3693-497D-A997-D009FB519B94}" dt="2021-04-13T05:24:31.024" v="17035" actId="1076"/>
          <ac:spMkLst>
            <pc:docMk/>
            <pc:sldMk cId="1611330232" sldId="295"/>
            <ac:spMk id="15" creationId="{A589B188-AA82-452E-B3A1-D16B1D3D3D1B}"/>
          </ac:spMkLst>
        </pc:spChg>
        <pc:spChg chg="add mod">
          <ac:chgData name="Gail Cross" userId="9e0fbb2e9583deed" providerId="LiveId" clId="{A07FF165-3693-497D-A997-D009FB519B94}" dt="2021-04-13T05:31:33.909" v="17538" actId="20577"/>
          <ac:spMkLst>
            <pc:docMk/>
            <pc:sldMk cId="1611330232" sldId="295"/>
            <ac:spMk id="16" creationId="{3A17AA43-465D-471B-A514-C6F83A3A693B}"/>
          </ac:spMkLst>
        </pc:spChg>
        <pc:spChg chg="add mod">
          <ac:chgData name="Gail Cross" userId="9e0fbb2e9583deed" providerId="LiveId" clId="{A07FF165-3693-497D-A997-D009FB519B94}" dt="2021-04-13T05:29:14.198" v="17330" actId="1076"/>
          <ac:spMkLst>
            <pc:docMk/>
            <pc:sldMk cId="1611330232" sldId="295"/>
            <ac:spMk id="17" creationId="{1265E0A9-0EB1-47DF-8A01-705DDB0C7B0B}"/>
          </ac:spMkLst>
        </pc:spChg>
        <pc:picChg chg="add mod">
          <ac:chgData name="Gail Cross" userId="9e0fbb2e9583deed" providerId="LiveId" clId="{A07FF165-3693-497D-A997-D009FB519B94}" dt="2021-04-13T05:24:26.842" v="17034" actId="1076"/>
          <ac:picMkLst>
            <pc:docMk/>
            <pc:sldMk cId="1611330232" sldId="295"/>
            <ac:picMk id="9" creationId="{F2FFD591-F3CB-4BF2-A56A-632DDC1DBFC0}"/>
          </ac:picMkLst>
        </pc:picChg>
      </pc:sldChg>
      <pc:sldChg chg="new del">
        <pc:chgData name="Gail Cross" userId="9e0fbb2e9583deed" providerId="LiveId" clId="{A07FF165-3693-497D-A997-D009FB519B94}" dt="2021-04-13T05:39:22.348" v="17776" actId="47"/>
        <pc:sldMkLst>
          <pc:docMk/>
          <pc:sldMk cId="3777705420" sldId="296"/>
        </pc:sldMkLst>
      </pc:sldChg>
      <pc:sldChg chg="addSp delSp modSp del mod modShow">
        <pc:chgData name="Gail Cross" userId="9e0fbb2e9583deed" providerId="LiveId" clId="{A07FF165-3693-497D-A997-D009FB519B94}" dt="2021-04-14T14:03:45.395" v="35987" actId="2696"/>
        <pc:sldMkLst>
          <pc:docMk/>
          <pc:sldMk cId="398813236" sldId="298"/>
        </pc:sldMkLst>
        <pc:spChg chg="del mod">
          <ac:chgData name="Gail Cross" userId="9e0fbb2e9583deed" providerId="LiveId" clId="{A07FF165-3693-497D-A997-D009FB519B94}" dt="2021-04-14T13:18:55.943" v="35008" actId="478"/>
          <ac:spMkLst>
            <pc:docMk/>
            <pc:sldMk cId="398813236" sldId="298"/>
            <ac:spMk id="2" creationId="{00000000-0000-0000-0000-000000000000}"/>
          </ac:spMkLst>
        </pc:spChg>
        <pc:spChg chg="add mod">
          <ac:chgData name="Gail Cross" userId="9e0fbb2e9583deed" providerId="LiveId" clId="{A07FF165-3693-497D-A997-D009FB519B94}" dt="2021-04-14T13:18:55.943" v="35008" actId="478"/>
          <ac:spMkLst>
            <pc:docMk/>
            <pc:sldMk cId="398813236" sldId="298"/>
            <ac:spMk id="4" creationId="{815B44EE-E47E-48BD-9752-9CA705260227}"/>
          </ac:spMkLst>
        </pc:spChg>
      </pc:sldChg>
      <pc:sldChg chg="addSp delSp modSp mod delAnim modNotesTx">
        <pc:chgData name="Gail Cross" userId="9e0fbb2e9583deed" providerId="LiveId" clId="{A07FF165-3693-497D-A997-D009FB519B94}" dt="2021-04-15T05:13:21.442" v="62539" actId="20577"/>
        <pc:sldMkLst>
          <pc:docMk/>
          <pc:sldMk cId="1832851823" sldId="302"/>
        </pc:sldMkLst>
        <pc:spChg chg="add mod">
          <ac:chgData name="Gail Cross" userId="9e0fbb2e9583deed" providerId="LiveId" clId="{A07FF165-3693-497D-A997-D009FB519B94}" dt="2021-04-14T11:57:25.171" v="32169" actId="1076"/>
          <ac:spMkLst>
            <pc:docMk/>
            <pc:sldMk cId="1832851823" sldId="302"/>
            <ac:spMk id="2" creationId="{C4D6D505-187A-453D-ADE1-9D67FB316B40}"/>
          </ac:spMkLst>
        </pc:spChg>
        <pc:spChg chg="add mod">
          <ac:chgData name="Gail Cross" userId="9e0fbb2e9583deed" providerId="LiveId" clId="{A07FF165-3693-497D-A997-D009FB519B94}" dt="2021-04-14T01:57:24.185" v="27210" actId="208"/>
          <ac:spMkLst>
            <pc:docMk/>
            <pc:sldMk cId="1832851823" sldId="302"/>
            <ac:spMk id="3" creationId="{944A51DA-A641-4BD8-80D1-04C840772611}"/>
          </ac:spMkLst>
        </pc:spChg>
        <pc:spChg chg="add del mod">
          <ac:chgData name="Gail Cross" userId="9e0fbb2e9583deed" providerId="LiveId" clId="{A07FF165-3693-497D-A997-D009FB519B94}" dt="2021-04-14T02:59:55.933" v="27554"/>
          <ac:spMkLst>
            <pc:docMk/>
            <pc:sldMk cId="1832851823" sldId="302"/>
            <ac:spMk id="4" creationId="{30AE2A64-C2E7-4937-983A-FF1B9FDF8A3B}"/>
          </ac:spMkLst>
        </pc:spChg>
        <pc:spChg chg="mod">
          <ac:chgData name="Gail Cross" userId="9e0fbb2e9583deed" providerId="LiveId" clId="{A07FF165-3693-497D-A997-D009FB519B94}" dt="2021-04-14T01:51:00.530" v="27181" actId="14100"/>
          <ac:spMkLst>
            <pc:docMk/>
            <pc:sldMk cId="1832851823" sldId="302"/>
            <ac:spMk id="6" creationId="{00000000-0000-0000-0000-000000000000}"/>
          </ac:spMkLst>
        </pc:spChg>
        <pc:spChg chg="add mod">
          <ac:chgData name="Gail Cross" userId="9e0fbb2e9583deed" providerId="LiveId" clId="{A07FF165-3693-497D-A997-D009FB519B94}" dt="2021-04-14T01:50:51.967" v="27178" actId="1076"/>
          <ac:spMkLst>
            <pc:docMk/>
            <pc:sldMk cId="1832851823" sldId="302"/>
            <ac:spMk id="11" creationId="{B76E6C78-69C7-446E-B920-382C21EE0D14}"/>
          </ac:spMkLst>
        </pc:spChg>
        <pc:spChg chg="del">
          <ac:chgData name="Gail Cross" userId="9e0fbb2e9583deed" providerId="LiveId" clId="{A07FF165-3693-497D-A997-D009FB519B94}" dt="2021-04-14T01:50:24.935" v="27168" actId="478"/>
          <ac:spMkLst>
            <pc:docMk/>
            <pc:sldMk cId="1832851823" sldId="302"/>
            <ac:spMk id="13" creationId="{00000000-0000-0000-0000-000000000000}"/>
          </ac:spMkLst>
        </pc:spChg>
        <pc:spChg chg="del">
          <ac:chgData name="Gail Cross" userId="9e0fbb2e9583deed" providerId="LiveId" clId="{A07FF165-3693-497D-A997-D009FB519B94}" dt="2021-04-14T01:50:25.776" v="27169" actId="478"/>
          <ac:spMkLst>
            <pc:docMk/>
            <pc:sldMk cId="1832851823" sldId="302"/>
            <ac:spMk id="14" creationId="{00000000-0000-0000-0000-000000000000}"/>
          </ac:spMkLst>
        </pc:spChg>
        <pc:spChg chg="del">
          <ac:chgData name="Gail Cross" userId="9e0fbb2e9583deed" providerId="LiveId" clId="{A07FF165-3693-497D-A997-D009FB519B94}" dt="2021-04-14T01:50:16.563" v="27164" actId="478"/>
          <ac:spMkLst>
            <pc:docMk/>
            <pc:sldMk cId="1832851823" sldId="302"/>
            <ac:spMk id="15" creationId="{00000000-0000-0000-0000-000000000000}"/>
          </ac:spMkLst>
        </pc:spChg>
        <pc:spChg chg="add mod">
          <ac:chgData name="Gail Cross" userId="9e0fbb2e9583deed" providerId="LiveId" clId="{A07FF165-3693-497D-A997-D009FB519B94}" dt="2021-04-14T11:57:19.773" v="32168" actId="14100"/>
          <ac:spMkLst>
            <pc:docMk/>
            <pc:sldMk cId="1832851823" sldId="302"/>
            <ac:spMk id="16" creationId="{6DFCFC38-27AD-40E8-9FE0-90DE45F722B6}"/>
          </ac:spMkLst>
        </pc:spChg>
        <pc:spChg chg="del">
          <ac:chgData name="Gail Cross" userId="9e0fbb2e9583deed" providerId="LiveId" clId="{A07FF165-3693-497D-A997-D009FB519B94}" dt="2021-04-14T01:50:15.843" v="27163" actId="478"/>
          <ac:spMkLst>
            <pc:docMk/>
            <pc:sldMk cId="1832851823" sldId="302"/>
            <ac:spMk id="17" creationId="{00000000-0000-0000-0000-000000000000}"/>
          </ac:spMkLst>
        </pc:spChg>
        <pc:spChg chg="add mod">
          <ac:chgData name="Gail Cross" userId="9e0fbb2e9583deed" providerId="LiveId" clId="{A07FF165-3693-497D-A997-D009FB519B94}" dt="2021-04-14T03:00:55.686" v="27584" actId="14100"/>
          <ac:spMkLst>
            <pc:docMk/>
            <pc:sldMk cId="1832851823" sldId="302"/>
            <ac:spMk id="18" creationId="{1F9FFA54-B0FC-4AB5-9D72-C88B0324DA3E}"/>
          </ac:spMkLst>
        </pc:spChg>
        <pc:spChg chg="add mod">
          <ac:chgData name="Gail Cross" userId="9e0fbb2e9583deed" providerId="LiveId" clId="{A07FF165-3693-497D-A997-D009FB519B94}" dt="2021-04-14T01:58:52.611" v="27221" actId="692"/>
          <ac:spMkLst>
            <pc:docMk/>
            <pc:sldMk cId="1832851823" sldId="302"/>
            <ac:spMk id="19" creationId="{1EC0DFCD-C9F1-4650-A4E1-1D680DD44211}"/>
          </ac:spMkLst>
        </pc:spChg>
        <pc:spChg chg="del">
          <ac:chgData name="Gail Cross" userId="9e0fbb2e9583deed" providerId="LiveId" clId="{A07FF165-3693-497D-A997-D009FB519B94}" dt="2021-04-14T01:50:54.627" v="27179" actId="478"/>
          <ac:spMkLst>
            <pc:docMk/>
            <pc:sldMk cId="1832851823" sldId="302"/>
            <ac:spMk id="20" creationId="{00000000-0000-0000-0000-000000000000}"/>
          </ac:spMkLst>
        </pc:spChg>
        <pc:spChg chg="add mod">
          <ac:chgData name="Gail Cross" userId="9e0fbb2e9583deed" providerId="LiveId" clId="{A07FF165-3693-497D-A997-D009FB519B94}" dt="2021-04-14T01:57:43.712" v="27215" actId="208"/>
          <ac:spMkLst>
            <pc:docMk/>
            <pc:sldMk cId="1832851823" sldId="302"/>
            <ac:spMk id="21" creationId="{C3B017A7-4238-4A52-8819-752943269240}"/>
          </ac:spMkLst>
        </pc:spChg>
        <pc:spChg chg="del mod">
          <ac:chgData name="Gail Cross" userId="9e0fbb2e9583deed" providerId="LiveId" clId="{A07FF165-3693-497D-A997-D009FB519B94}" dt="2021-04-14T01:50:06.435" v="27161" actId="478"/>
          <ac:spMkLst>
            <pc:docMk/>
            <pc:sldMk cId="1832851823" sldId="302"/>
            <ac:spMk id="22" creationId="{00000000-0000-0000-0000-000000000000}"/>
          </ac:spMkLst>
        </pc:spChg>
        <pc:spChg chg="add mod">
          <ac:chgData name="Gail Cross" userId="9e0fbb2e9583deed" providerId="LiveId" clId="{A07FF165-3693-497D-A997-D009FB519B94}" dt="2021-04-14T03:00:14.309" v="27558" actId="14100"/>
          <ac:spMkLst>
            <pc:docMk/>
            <pc:sldMk cId="1832851823" sldId="302"/>
            <ac:spMk id="23" creationId="{93AF6B31-AA88-4AB2-9F52-D78FD01A29C5}"/>
          </ac:spMkLst>
        </pc:spChg>
        <pc:spChg chg="add mod">
          <ac:chgData name="Gail Cross" userId="9e0fbb2e9583deed" providerId="LiveId" clId="{A07FF165-3693-497D-A997-D009FB519B94}" dt="2021-04-14T02:58:39.353" v="27548" actId="1076"/>
          <ac:spMkLst>
            <pc:docMk/>
            <pc:sldMk cId="1832851823" sldId="302"/>
            <ac:spMk id="24" creationId="{71ACC075-EBD9-4014-9A35-162F4BE59707}"/>
          </ac:spMkLst>
        </pc:spChg>
        <pc:spChg chg="del">
          <ac:chgData name="Gail Cross" userId="9e0fbb2e9583deed" providerId="LiveId" clId="{A07FF165-3693-497D-A997-D009FB519B94}" dt="2021-04-14T01:50:13.170" v="27162" actId="478"/>
          <ac:spMkLst>
            <pc:docMk/>
            <pc:sldMk cId="1832851823" sldId="302"/>
            <ac:spMk id="25" creationId="{00000000-0000-0000-0000-000000000000}"/>
          </ac:spMkLst>
        </pc:spChg>
        <pc:picChg chg="add del mod">
          <ac:chgData name="Gail Cross" userId="9e0fbb2e9583deed" providerId="LiveId" clId="{A07FF165-3693-497D-A997-D009FB519B94}" dt="2021-04-14T01:50:57.269" v="27180" actId="1076"/>
          <ac:picMkLst>
            <pc:docMk/>
            <pc:sldMk cId="1832851823" sldId="302"/>
            <ac:picMk id="7" creationId="{00000000-0000-0000-0000-000000000000}"/>
          </ac:picMkLst>
        </pc:picChg>
      </pc:sldChg>
      <pc:sldChg chg="modSp add mod">
        <pc:chgData name="Gail Cross" userId="9e0fbb2e9583deed" providerId="LiveId" clId="{A07FF165-3693-497D-A997-D009FB519B94}" dt="2021-04-14T17:30:31.495" v="58873" actId="20577"/>
        <pc:sldMkLst>
          <pc:docMk/>
          <pc:sldMk cId="3110651542" sldId="473"/>
        </pc:sldMkLst>
        <pc:graphicFrameChg chg="modGraphic">
          <ac:chgData name="Gail Cross" userId="9e0fbb2e9583deed" providerId="LiveId" clId="{A07FF165-3693-497D-A997-D009FB519B94}" dt="2021-04-14T17:30:31.495" v="58873" actId="20577"/>
          <ac:graphicFrameMkLst>
            <pc:docMk/>
            <pc:sldMk cId="3110651542" sldId="473"/>
            <ac:graphicFrameMk id="16" creationId="{7A8B0771-E43C-4AB8-B404-28628B70ECC4}"/>
          </ac:graphicFrameMkLst>
        </pc:graphicFrameChg>
        <pc:picChg chg="mod">
          <ac:chgData name="Gail Cross" userId="9e0fbb2e9583deed" providerId="LiveId" clId="{A07FF165-3693-497D-A997-D009FB519B94}" dt="2021-04-14T16:33:56.668" v="39607" actId="1076"/>
          <ac:picMkLst>
            <pc:docMk/>
            <pc:sldMk cId="3110651542" sldId="473"/>
            <ac:picMk id="44" creationId="{76DBF1CD-50AA-F642-A1A2-028E060B6A21}"/>
          </ac:picMkLst>
        </pc:picChg>
      </pc:sldChg>
      <pc:sldChg chg="addSp modSp add mod">
        <pc:chgData name="Gail Cross" userId="9e0fbb2e9583deed" providerId="LiveId" clId="{A07FF165-3693-497D-A997-D009FB519B94}" dt="2021-04-15T04:29:42.563" v="60909" actId="1076"/>
        <pc:sldMkLst>
          <pc:docMk/>
          <pc:sldMk cId="3978349933" sldId="490"/>
        </pc:sldMkLst>
        <pc:spChg chg="mod">
          <ac:chgData name="Gail Cross" userId="9e0fbb2e9583deed" providerId="LiveId" clId="{A07FF165-3693-497D-A997-D009FB519B94}" dt="2021-04-14T16:34:16.144" v="39614" actId="14100"/>
          <ac:spMkLst>
            <pc:docMk/>
            <pc:sldMk cId="3978349933" sldId="490"/>
            <ac:spMk id="2" creationId="{3C523DD5-DB94-4D63-AD95-0E1040F3D3FB}"/>
          </ac:spMkLst>
        </pc:spChg>
        <pc:spChg chg="mod">
          <ac:chgData name="Gail Cross" userId="9e0fbb2e9583deed" providerId="LiveId" clId="{A07FF165-3693-497D-A997-D009FB519B94}" dt="2021-04-14T16:33:36.878" v="39601" actId="27636"/>
          <ac:spMkLst>
            <pc:docMk/>
            <pc:sldMk cId="3978349933" sldId="490"/>
            <ac:spMk id="4" creationId="{A19BCDD9-F908-4158-8B7E-7186C5D0DD70}"/>
          </ac:spMkLst>
        </pc:spChg>
        <pc:spChg chg="mod">
          <ac:chgData name="Gail Cross" userId="9e0fbb2e9583deed" providerId="LiveId" clId="{A07FF165-3693-497D-A997-D009FB519B94}" dt="2021-04-14T16:34:08.848" v="39611" actId="1076"/>
          <ac:spMkLst>
            <pc:docMk/>
            <pc:sldMk cId="3978349933" sldId="490"/>
            <ac:spMk id="5" creationId="{E909A20D-30DB-4801-9D59-149DC504163B}"/>
          </ac:spMkLst>
        </pc:spChg>
        <pc:spChg chg="mod">
          <ac:chgData name="Gail Cross" userId="9e0fbb2e9583deed" providerId="LiveId" clId="{A07FF165-3693-497D-A997-D009FB519B94}" dt="2021-04-14T16:34:10.418" v="39612" actId="1076"/>
          <ac:spMkLst>
            <pc:docMk/>
            <pc:sldMk cId="3978349933" sldId="490"/>
            <ac:spMk id="6" creationId="{42C640C3-5551-4D5E-A953-33D10F7BB01C}"/>
          </ac:spMkLst>
        </pc:spChg>
        <pc:picChg chg="add mod">
          <ac:chgData name="Gail Cross" userId="9e0fbb2e9583deed" providerId="LiveId" clId="{A07FF165-3693-497D-A997-D009FB519B94}" dt="2021-04-15T04:29:42.563" v="60909" actId="1076"/>
          <ac:picMkLst>
            <pc:docMk/>
            <pc:sldMk cId="3978349933" sldId="490"/>
            <ac:picMk id="7" creationId="{9E2A213F-F5D8-4D1B-B3D9-93EBADEA88DD}"/>
          </ac:picMkLst>
        </pc:picChg>
      </pc:sldChg>
      <pc:sldChg chg="modSp del mod modShow">
        <pc:chgData name="Gail Cross" userId="9e0fbb2e9583deed" providerId="LiveId" clId="{A07FF165-3693-497D-A997-D009FB519B94}" dt="2021-04-14T16:35:39.655" v="39624" actId="47"/>
        <pc:sldMkLst>
          <pc:docMk/>
          <pc:sldMk cId="3040460564" sldId="496"/>
        </pc:sldMkLst>
        <pc:spChg chg="mod">
          <ac:chgData name="Gail Cross" userId="9e0fbb2e9583deed" providerId="LiveId" clId="{A07FF165-3693-497D-A997-D009FB519B94}" dt="2021-04-13T05:38:38.136" v="17747" actId="20577"/>
          <ac:spMkLst>
            <pc:docMk/>
            <pc:sldMk cId="3040460564" sldId="496"/>
            <ac:spMk id="3" creationId="{4C51B567-8369-4B76-AB7F-FDE2E3B6E4C1}"/>
          </ac:spMkLst>
        </pc:spChg>
        <pc:spChg chg="mod">
          <ac:chgData name="Gail Cross" userId="9e0fbb2e9583deed" providerId="LiveId" clId="{A07FF165-3693-497D-A997-D009FB519B94}" dt="2021-04-13T05:38:42.608" v="17748" actId="1076"/>
          <ac:spMkLst>
            <pc:docMk/>
            <pc:sldMk cId="3040460564" sldId="496"/>
            <ac:spMk id="6" creationId="{35B0B8E0-F287-4DF9-A572-30EBBA82123F}"/>
          </ac:spMkLst>
        </pc:spChg>
        <pc:picChg chg="mod">
          <ac:chgData name="Gail Cross" userId="9e0fbb2e9583deed" providerId="LiveId" clId="{A07FF165-3693-497D-A997-D009FB519B94}" dt="2021-04-13T05:39:06.835" v="17775" actId="14100"/>
          <ac:picMkLst>
            <pc:docMk/>
            <pc:sldMk cId="3040460564" sldId="496"/>
            <ac:picMk id="5" creationId="{8DE77A48-A3D9-4C45-815D-C2DFF67B855F}"/>
          </ac:picMkLst>
        </pc:picChg>
      </pc:sldChg>
      <pc:sldChg chg="modSp del mod">
        <pc:chgData name="Gail Cross" userId="9e0fbb2e9583deed" providerId="LiveId" clId="{A07FF165-3693-497D-A997-D009FB519B94}" dt="2021-04-14T16:16:36.116" v="38904" actId="47"/>
        <pc:sldMkLst>
          <pc:docMk/>
          <pc:sldMk cId="440605634" sldId="1008"/>
        </pc:sldMkLst>
        <pc:spChg chg="mod">
          <ac:chgData name="Gail Cross" userId="9e0fbb2e9583deed" providerId="LiveId" clId="{A07FF165-3693-497D-A997-D009FB519B94}" dt="2021-04-13T05:34:51.304" v="17743" actId="113"/>
          <ac:spMkLst>
            <pc:docMk/>
            <pc:sldMk cId="440605634" sldId="1008"/>
            <ac:spMk id="7" creationId="{026F2C38-E0C0-4F36-BCDC-0E860714F267}"/>
          </ac:spMkLst>
        </pc:spChg>
      </pc:sldChg>
      <pc:sldChg chg="addSp delSp modSp del mod ord">
        <pc:chgData name="Gail Cross" userId="9e0fbb2e9583deed" providerId="LiveId" clId="{A07FF165-3693-497D-A997-D009FB519B94}" dt="2021-04-14T16:35:34.544" v="39622" actId="47"/>
        <pc:sldMkLst>
          <pc:docMk/>
          <pc:sldMk cId="2481056071" sldId="1080"/>
        </pc:sldMkLst>
        <pc:spChg chg="mod">
          <ac:chgData name="Gail Cross" userId="9e0fbb2e9583deed" providerId="LiveId" clId="{A07FF165-3693-497D-A997-D009FB519B94}" dt="2021-04-13T05:38:55.138" v="17772" actId="1035"/>
          <ac:spMkLst>
            <pc:docMk/>
            <pc:sldMk cId="2481056071" sldId="1080"/>
            <ac:spMk id="2" creationId="{6A147D7E-A9C6-47C7-AB7E-29F46AD7864F}"/>
          </ac:spMkLst>
        </pc:spChg>
        <pc:spChg chg="del mod">
          <ac:chgData name="Gail Cross" userId="9e0fbb2e9583deed" providerId="LiveId" clId="{A07FF165-3693-497D-A997-D009FB519B94}" dt="2021-04-13T12:04:29.122" v="27118" actId="478"/>
          <ac:spMkLst>
            <pc:docMk/>
            <pc:sldMk cId="2481056071" sldId="1080"/>
            <ac:spMk id="5" creationId="{00000000-0000-0000-0000-000000000000}"/>
          </ac:spMkLst>
        </pc:spChg>
        <pc:spChg chg="add mod">
          <ac:chgData name="Gail Cross" userId="9e0fbb2e9583deed" providerId="LiveId" clId="{A07FF165-3693-497D-A997-D009FB519B94}" dt="2021-04-13T08:55:03.320" v="23635" actId="20577"/>
          <ac:spMkLst>
            <pc:docMk/>
            <pc:sldMk cId="2481056071" sldId="1080"/>
            <ac:spMk id="6" creationId="{DF3B20F3-55BC-436C-A4A3-05288CA841A7}"/>
          </ac:spMkLst>
        </pc:spChg>
        <pc:spChg chg="mod">
          <ac:chgData name="Gail Cross" userId="9e0fbb2e9583deed" providerId="LiveId" clId="{A07FF165-3693-497D-A997-D009FB519B94}" dt="2021-04-13T05:38:55.138" v="17772" actId="1035"/>
          <ac:spMkLst>
            <pc:docMk/>
            <pc:sldMk cId="2481056071" sldId="1080"/>
            <ac:spMk id="26" creationId="{46117F6A-B4A1-4BEA-935F-78549402DFED}"/>
          </ac:spMkLst>
        </pc:spChg>
        <pc:spChg chg="mod">
          <ac:chgData name="Gail Cross" userId="9e0fbb2e9583deed" providerId="LiveId" clId="{A07FF165-3693-497D-A997-D009FB519B94}" dt="2021-04-13T05:38:55.138" v="17772" actId="1035"/>
          <ac:spMkLst>
            <pc:docMk/>
            <pc:sldMk cId="2481056071" sldId="1080"/>
            <ac:spMk id="29" creationId="{3F95A95B-DC26-48DC-9B60-264A81D37A4F}"/>
          </ac:spMkLst>
        </pc:spChg>
        <pc:spChg chg="mod">
          <ac:chgData name="Gail Cross" userId="9e0fbb2e9583deed" providerId="LiveId" clId="{A07FF165-3693-497D-A997-D009FB519B94}" dt="2021-04-13T12:04:35.174" v="27120" actId="14100"/>
          <ac:spMkLst>
            <pc:docMk/>
            <pc:sldMk cId="2481056071" sldId="1080"/>
            <ac:spMk id="31" creationId="{5787B121-1C2C-814E-AF35-2D2F2A09E137}"/>
          </ac:spMkLst>
        </pc:spChg>
        <pc:spChg chg="mod">
          <ac:chgData name="Gail Cross" userId="9e0fbb2e9583deed" providerId="LiveId" clId="{A07FF165-3693-497D-A997-D009FB519B94}" dt="2021-04-13T05:38:55.138" v="17772" actId="1035"/>
          <ac:spMkLst>
            <pc:docMk/>
            <pc:sldMk cId="2481056071" sldId="1080"/>
            <ac:spMk id="38" creationId="{2C0308F6-768B-5B4B-8C83-0204B9D2E822}"/>
          </ac:spMkLst>
        </pc:spChg>
        <pc:spChg chg="mod">
          <ac:chgData name="Gail Cross" userId="9e0fbb2e9583deed" providerId="LiveId" clId="{A07FF165-3693-497D-A997-D009FB519B94}" dt="2021-04-13T05:38:55.138" v="17772" actId="1035"/>
          <ac:spMkLst>
            <pc:docMk/>
            <pc:sldMk cId="2481056071" sldId="1080"/>
            <ac:spMk id="39" creationId="{66CBD4FB-EE2F-4141-91BD-C69BD8053CC7}"/>
          </ac:spMkLst>
        </pc:spChg>
        <pc:spChg chg="del">
          <ac:chgData name="Gail Cross" userId="9e0fbb2e9583deed" providerId="LiveId" clId="{A07FF165-3693-497D-A997-D009FB519B94}" dt="2021-04-13T05:38:45.406" v="17749" actId="478"/>
          <ac:spMkLst>
            <pc:docMk/>
            <pc:sldMk cId="2481056071" sldId="1080"/>
            <ac:spMk id="43" creationId="{D2CA1E9C-5D36-474D-B75F-07E7B651D274}"/>
          </ac:spMkLst>
        </pc:spChg>
        <pc:grpChg chg="mod">
          <ac:chgData name="Gail Cross" userId="9e0fbb2e9583deed" providerId="LiveId" clId="{A07FF165-3693-497D-A997-D009FB519B94}" dt="2021-04-13T08:51:35.194" v="23346" actId="1076"/>
          <ac:grpSpMkLst>
            <pc:docMk/>
            <pc:sldMk cId="2481056071" sldId="1080"/>
            <ac:grpSpMk id="12" creationId="{47640B3C-66A3-2749-940D-A83DE1FE8DB2}"/>
          </ac:grpSpMkLst>
        </pc:grpChg>
        <pc:picChg chg="mod">
          <ac:chgData name="Gail Cross" userId="9e0fbb2e9583deed" providerId="LiveId" clId="{A07FF165-3693-497D-A997-D009FB519B94}" dt="2021-04-13T05:32:56.038" v="17541" actId="14100"/>
          <ac:picMkLst>
            <pc:docMk/>
            <pc:sldMk cId="2481056071" sldId="1080"/>
            <ac:picMk id="44" creationId="{76DBF1CD-50AA-F642-A1A2-028E060B6A21}"/>
          </ac:picMkLst>
        </pc:picChg>
        <pc:cxnChg chg="mod">
          <ac:chgData name="Gail Cross" userId="9e0fbb2e9583deed" providerId="LiveId" clId="{A07FF165-3693-497D-A997-D009FB519B94}" dt="2021-04-13T08:51:35.194" v="23346" actId="1076"/>
          <ac:cxnSpMkLst>
            <pc:docMk/>
            <pc:sldMk cId="2481056071" sldId="1080"/>
            <ac:cxnSpMk id="3" creationId="{733349D4-1E3E-4E64-937A-5033F543B3A4}"/>
          </ac:cxnSpMkLst>
        </pc:cxnChg>
        <pc:cxnChg chg="mod">
          <ac:chgData name="Gail Cross" userId="9e0fbb2e9583deed" providerId="LiveId" clId="{A07FF165-3693-497D-A997-D009FB519B94}" dt="2021-04-13T08:51:35.194" v="23346" actId="1076"/>
          <ac:cxnSpMkLst>
            <pc:docMk/>
            <pc:sldMk cId="2481056071" sldId="1080"/>
            <ac:cxnSpMk id="7" creationId="{6442FE06-2C11-4AED-8AF0-0FCB482D7902}"/>
          </ac:cxnSpMkLst>
        </pc:cxnChg>
        <pc:cxnChg chg="mod">
          <ac:chgData name="Gail Cross" userId="9e0fbb2e9583deed" providerId="LiveId" clId="{A07FF165-3693-497D-A997-D009FB519B94}" dt="2021-04-13T05:38:55.138" v="17772" actId="1035"/>
          <ac:cxnSpMkLst>
            <pc:docMk/>
            <pc:sldMk cId="2481056071" sldId="1080"/>
            <ac:cxnSpMk id="35" creationId="{FD314EF5-91DA-8C45-B9E3-09F28922B8A6}"/>
          </ac:cxnSpMkLst>
        </pc:cxnChg>
      </pc:sldChg>
      <pc:sldChg chg="addSp delSp modSp new mod ord modClrScheme addCm delCm chgLayout modNotesTx">
        <pc:chgData name="Gail Cross" userId="9e0fbb2e9583deed" providerId="LiveId" clId="{A07FF165-3693-497D-A997-D009FB519B94}" dt="2021-04-15T04:26:48.482" v="60893" actId="14100"/>
        <pc:sldMkLst>
          <pc:docMk/>
          <pc:sldMk cId="73848115" sldId="1081"/>
        </pc:sldMkLst>
        <pc:spChg chg="del mod ord">
          <ac:chgData name="Gail Cross" userId="9e0fbb2e9583deed" providerId="LiveId" clId="{A07FF165-3693-497D-A997-D009FB519B94}" dt="2021-04-13T05:39:29.701" v="17779" actId="700"/>
          <ac:spMkLst>
            <pc:docMk/>
            <pc:sldMk cId="73848115" sldId="1081"/>
            <ac:spMk id="2" creationId="{90E7C713-51E0-4FAD-BDCF-8079DE64F447}"/>
          </ac:spMkLst>
        </pc:spChg>
        <pc:spChg chg="del mod ord">
          <ac:chgData name="Gail Cross" userId="9e0fbb2e9583deed" providerId="LiveId" clId="{A07FF165-3693-497D-A997-D009FB519B94}" dt="2021-04-13T05:39:29.701" v="17779" actId="700"/>
          <ac:spMkLst>
            <pc:docMk/>
            <pc:sldMk cId="73848115" sldId="1081"/>
            <ac:spMk id="3" creationId="{95629836-48FF-4758-ADF1-088E2868ADCE}"/>
          </ac:spMkLst>
        </pc:spChg>
        <pc:spChg chg="del">
          <ac:chgData name="Gail Cross" userId="9e0fbb2e9583deed" providerId="LiveId" clId="{A07FF165-3693-497D-A997-D009FB519B94}" dt="2021-04-13T05:39:29.701" v="17779" actId="700"/>
          <ac:spMkLst>
            <pc:docMk/>
            <pc:sldMk cId="73848115" sldId="1081"/>
            <ac:spMk id="4" creationId="{BAD05A40-E8F1-412A-BBFE-7E9B503253D6}"/>
          </ac:spMkLst>
        </pc:spChg>
        <pc:spChg chg="add mod ord">
          <ac:chgData name="Gail Cross" userId="9e0fbb2e9583deed" providerId="LiveId" clId="{A07FF165-3693-497D-A997-D009FB519B94}" dt="2021-04-14T17:11:19.446" v="58330" actId="20577"/>
          <ac:spMkLst>
            <pc:docMk/>
            <pc:sldMk cId="73848115" sldId="1081"/>
            <ac:spMk id="5" creationId="{6CDD0963-9F5D-4947-A059-AC5E4FD64B57}"/>
          </ac:spMkLst>
        </pc:spChg>
        <pc:spChg chg="add del mod ord">
          <ac:chgData name="Gail Cross" userId="9e0fbb2e9583deed" providerId="LiveId" clId="{A07FF165-3693-497D-A997-D009FB519B94}" dt="2021-04-14T17:11:26.777" v="58331" actId="478"/>
          <ac:spMkLst>
            <pc:docMk/>
            <pc:sldMk cId="73848115" sldId="1081"/>
            <ac:spMk id="6" creationId="{13C998EA-22B2-4B65-98B6-DE89A574EDDC}"/>
          </ac:spMkLst>
        </pc:spChg>
        <pc:spChg chg="add del mod ord">
          <ac:chgData name="Gail Cross" userId="9e0fbb2e9583deed" providerId="LiveId" clId="{A07FF165-3693-497D-A997-D009FB519B94}" dt="2021-04-14T17:11:43.770" v="58365" actId="478"/>
          <ac:spMkLst>
            <pc:docMk/>
            <pc:sldMk cId="73848115" sldId="1081"/>
            <ac:spMk id="7" creationId="{969A5A31-80D7-4B06-B279-2DF05D990FB9}"/>
          </ac:spMkLst>
        </pc:spChg>
        <pc:spChg chg="add mod">
          <ac:chgData name="Gail Cross" userId="9e0fbb2e9583deed" providerId="LiveId" clId="{A07FF165-3693-497D-A997-D009FB519B94}" dt="2021-04-14T17:13:09.691" v="58613" actId="20577"/>
          <ac:spMkLst>
            <pc:docMk/>
            <pc:sldMk cId="73848115" sldId="1081"/>
            <ac:spMk id="9" creationId="{D9580869-FBC2-49DE-86E2-DDC8676FCB38}"/>
          </ac:spMkLst>
        </pc:spChg>
        <pc:spChg chg="add del mod">
          <ac:chgData name="Gail Cross" userId="9e0fbb2e9583deed" providerId="LiveId" clId="{A07FF165-3693-497D-A997-D009FB519B94}" dt="2021-04-14T17:11:45.744" v="58366" actId="478"/>
          <ac:spMkLst>
            <pc:docMk/>
            <pc:sldMk cId="73848115" sldId="1081"/>
            <ac:spMk id="11" creationId="{5008B1F0-8F64-4C9F-9FB8-C6A818144064}"/>
          </ac:spMkLst>
        </pc:spChg>
        <pc:picChg chg="add mod">
          <ac:chgData name="Gail Cross" userId="9e0fbb2e9583deed" providerId="LiveId" clId="{A07FF165-3693-497D-A997-D009FB519B94}" dt="2021-04-15T04:26:48.482" v="60893" actId="14100"/>
          <ac:picMkLst>
            <pc:docMk/>
            <pc:sldMk cId="73848115" sldId="1081"/>
            <ac:picMk id="4" creationId="{A8FD27B4-A66D-4D73-846D-54E35A09065D}"/>
          </ac:picMkLst>
        </pc:picChg>
      </pc:sldChg>
      <pc:sldChg chg="addSp modSp new del mod modClrScheme chgLayout">
        <pc:chgData name="Gail Cross" userId="9e0fbb2e9583deed" providerId="LiveId" clId="{A07FF165-3693-497D-A997-D009FB519B94}" dt="2021-04-13T05:39:25.218" v="17777" actId="47"/>
        <pc:sldMkLst>
          <pc:docMk/>
          <pc:sldMk cId="664720190" sldId="1081"/>
        </pc:sldMkLst>
        <pc:spChg chg="add mod">
          <ac:chgData name="Gail Cross" userId="9e0fbb2e9583deed" providerId="LiveId" clId="{A07FF165-3693-497D-A997-D009FB519B94}" dt="2021-04-13T05:33:02.815" v="17543" actId="700"/>
          <ac:spMkLst>
            <pc:docMk/>
            <pc:sldMk cId="664720190" sldId="1081"/>
            <ac:spMk id="2" creationId="{5A9438E5-4F9E-4C38-8058-E09CB319FB41}"/>
          </ac:spMkLst>
        </pc:spChg>
        <pc:spChg chg="add mod">
          <ac:chgData name="Gail Cross" userId="9e0fbb2e9583deed" providerId="LiveId" clId="{A07FF165-3693-497D-A997-D009FB519B94}" dt="2021-04-13T05:33:02.815" v="17543" actId="700"/>
          <ac:spMkLst>
            <pc:docMk/>
            <pc:sldMk cId="664720190" sldId="1081"/>
            <ac:spMk id="3" creationId="{CEAD1AA5-F467-4727-86CC-DF34693F6C0E}"/>
          </ac:spMkLst>
        </pc:spChg>
      </pc:sldChg>
      <pc:sldChg chg="addSp delSp modSp del mod">
        <pc:chgData name="Gail Cross" userId="9e0fbb2e9583deed" providerId="LiveId" clId="{A07FF165-3693-497D-A997-D009FB519B94}" dt="2021-04-14T16:35:37.364" v="39623" actId="47"/>
        <pc:sldMkLst>
          <pc:docMk/>
          <pc:sldMk cId="2189431946" sldId="1082"/>
        </pc:sldMkLst>
        <pc:spChg chg="del mod">
          <ac:chgData name="Gail Cross" userId="9e0fbb2e9583deed" providerId="LiveId" clId="{A07FF165-3693-497D-A997-D009FB519B94}" dt="2021-04-13T05:41:15.825" v="17849" actId="478"/>
          <ac:spMkLst>
            <pc:docMk/>
            <pc:sldMk cId="2189431946" sldId="1082"/>
            <ac:spMk id="2" creationId="{B99D7666-2204-48E8-89E6-332713522DD3}"/>
          </ac:spMkLst>
        </pc:spChg>
        <pc:spChg chg="add mod">
          <ac:chgData name="Gail Cross" userId="9e0fbb2e9583deed" providerId="LiveId" clId="{A07FF165-3693-497D-A997-D009FB519B94}" dt="2021-04-13T08:55:32.659" v="23650" actId="1076"/>
          <ac:spMkLst>
            <pc:docMk/>
            <pc:sldMk cId="2189431946" sldId="1082"/>
            <ac:spMk id="4" creationId="{C425F28E-6CF0-4D7C-AB0D-2FB3E4521B7E}"/>
          </ac:spMkLst>
        </pc:spChg>
        <pc:spChg chg="mod">
          <ac:chgData name="Gail Cross" userId="9e0fbb2e9583deed" providerId="LiveId" clId="{A07FF165-3693-497D-A997-D009FB519B94}" dt="2021-04-13T05:41:11.716" v="17848" actId="20577"/>
          <ac:spMkLst>
            <pc:docMk/>
            <pc:sldMk cId="2189431946" sldId="1082"/>
            <ac:spMk id="8" creationId="{984592DA-37EC-1447-82AF-FFB6DB9A9E1A}"/>
          </ac:spMkLst>
        </pc:spChg>
        <pc:picChg chg="mod">
          <ac:chgData name="Gail Cross" userId="9e0fbb2e9583deed" providerId="LiveId" clId="{A07FF165-3693-497D-A997-D009FB519B94}" dt="2021-04-13T05:45:08.856" v="18021" actId="14100"/>
          <ac:picMkLst>
            <pc:docMk/>
            <pc:sldMk cId="2189431946" sldId="1082"/>
            <ac:picMk id="21" creationId="{F84B4DFC-3E9F-401F-8ECE-00200F86F48C}"/>
          </ac:picMkLst>
        </pc:picChg>
      </pc:sldChg>
      <pc:sldChg chg="addSp delSp modSp new mod modClrScheme chgLayout modNotesTx">
        <pc:chgData name="Gail Cross" userId="9e0fbb2e9583deed" providerId="LiveId" clId="{A07FF165-3693-497D-A997-D009FB519B94}" dt="2021-04-15T04:27:15.046" v="60901" actId="14100"/>
        <pc:sldMkLst>
          <pc:docMk/>
          <pc:sldMk cId="4152230712" sldId="1083"/>
        </pc:sldMkLst>
        <pc:spChg chg="del mod ord">
          <ac:chgData name="Gail Cross" userId="9e0fbb2e9583deed" providerId="LiveId" clId="{A07FF165-3693-497D-A997-D009FB519B94}" dt="2021-04-13T05:42:26.946" v="17946" actId="700"/>
          <ac:spMkLst>
            <pc:docMk/>
            <pc:sldMk cId="4152230712" sldId="1083"/>
            <ac:spMk id="2" creationId="{932D9938-C3EE-4689-9470-56B320E7E361}"/>
          </ac:spMkLst>
        </pc:spChg>
        <pc:spChg chg="del mod ord">
          <ac:chgData name="Gail Cross" userId="9e0fbb2e9583deed" providerId="LiveId" clId="{A07FF165-3693-497D-A997-D009FB519B94}" dt="2021-04-13T05:42:26.946" v="17946" actId="700"/>
          <ac:spMkLst>
            <pc:docMk/>
            <pc:sldMk cId="4152230712" sldId="1083"/>
            <ac:spMk id="3" creationId="{F0C121D8-F74B-4481-90B6-5815F81D35DF}"/>
          </ac:spMkLst>
        </pc:spChg>
        <pc:spChg chg="del">
          <ac:chgData name="Gail Cross" userId="9e0fbb2e9583deed" providerId="LiveId" clId="{A07FF165-3693-497D-A997-D009FB519B94}" dt="2021-04-13T05:42:26.946" v="17946" actId="700"/>
          <ac:spMkLst>
            <pc:docMk/>
            <pc:sldMk cId="4152230712" sldId="1083"/>
            <ac:spMk id="4" creationId="{55BDFD63-A832-4963-9D70-574F8F835A18}"/>
          </ac:spMkLst>
        </pc:spChg>
        <pc:spChg chg="add mod ord">
          <ac:chgData name="Gail Cross" userId="9e0fbb2e9583deed" providerId="LiveId" clId="{A07FF165-3693-497D-A997-D009FB519B94}" dt="2021-04-15T03:35:40.416" v="59890" actId="14100"/>
          <ac:spMkLst>
            <pc:docMk/>
            <pc:sldMk cId="4152230712" sldId="1083"/>
            <ac:spMk id="5" creationId="{27A72E38-6E8C-4773-A13E-3C6F98E8C0D0}"/>
          </ac:spMkLst>
        </pc:spChg>
        <pc:spChg chg="add del mod ord">
          <ac:chgData name="Gail Cross" userId="9e0fbb2e9583deed" providerId="LiveId" clId="{A07FF165-3693-497D-A997-D009FB519B94}" dt="2021-04-13T05:50:29.598" v="18026" actId="22"/>
          <ac:spMkLst>
            <pc:docMk/>
            <pc:sldMk cId="4152230712" sldId="1083"/>
            <ac:spMk id="6" creationId="{4054AE7A-5CCE-4DDC-959B-BC4F8C3A7BCE}"/>
          </ac:spMkLst>
        </pc:spChg>
        <pc:spChg chg="add mod">
          <ac:chgData name="Gail Cross" userId="9e0fbb2e9583deed" providerId="LiveId" clId="{A07FF165-3693-497D-A997-D009FB519B94}" dt="2021-04-13T05:55:45.859" v="18519" actId="1076"/>
          <ac:spMkLst>
            <pc:docMk/>
            <pc:sldMk cId="4152230712" sldId="1083"/>
            <ac:spMk id="9" creationId="{548ADD0D-79B5-487D-B3FD-1803DE5574C7}"/>
          </ac:spMkLst>
        </pc:spChg>
        <pc:spChg chg="add del mod">
          <ac:chgData name="Gail Cross" userId="9e0fbb2e9583deed" providerId="LiveId" clId="{A07FF165-3693-497D-A997-D009FB519B94}" dt="2021-04-13T06:01:25.491" v="19000" actId="478"/>
          <ac:spMkLst>
            <pc:docMk/>
            <pc:sldMk cId="4152230712" sldId="1083"/>
            <ac:spMk id="10" creationId="{9EE3F2E2-3D36-4244-ABE2-14240378E634}"/>
          </ac:spMkLst>
        </pc:spChg>
        <pc:spChg chg="add mod">
          <ac:chgData name="Gail Cross" userId="9e0fbb2e9583deed" providerId="LiveId" clId="{A07FF165-3693-497D-A997-D009FB519B94}" dt="2021-04-15T04:05:25.646" v="60065" actId="20577"/>
          <ac:spMkLst>
            <pc:docMk/>
            <pc:sldMk cId="4152230712" sldId="1083"/>
            <ac:spMk id="11" creationId="{6B6AE2B5-4AA8-4400-AD4B-4B69C8F7227A}"/>
          </ac:spMkLst>
        </pc:spChg>
        <pc:picChg chg="add mod">
          <ac:chgData name="Gail Cross" userId="9e0fbb2e9583deed" providerId="LiveId" clId="{A07FF165-3693-497D-A997-D009FB519B94}" dt="2021-04-15T04:27:15.046" v="60901" actId="14100"/>
          <ac:picMkLst>
            <pc:docMk/>
            <pc:sldMk cId="4152230712" sldId="1083"/>
            <ac:picMk id="6" creationId="{20B4FEFC-6B95-4828-8433-AC82DFC13556}"/>
          </ac:picMkLst>
        </pc:picChg>
        <pc:picChg chg="add mod ord">
          <ac:chgData name="Gail Cross" userId="9e0fbb2e9583deed" providerId="LiveId" clId="{A07FF165-3693-497D-A997-D009FB519B94}" dt="2021-04-15T03:35:47.306" v="59892" actId="1076"/>
          <ac:picMkLst>
            <pc:docMk/>
            <pc:sldMk cId="4152230712" sldId="1083"/>
            <ac:picMk id="8" creationId="{5AD2A64F-637E-4569-A630-12CBD706DB6E}"/>
          </ac:picMkLst>
        </pc:picChg>
      </pc:sldChg>
      <pc:sldChg chg="addSp modSp new del mod">
        <pc:chgData name="Gail Cross" userId="9e0fbb2e9583deed" providerId="LiveId" clId="{A07FF165-3693-497D-A997-D009FB519B94}" dt="2021-04-14T16:30:49.827" v="39597" actId="47"/>
        <pc:sldMkLst>
          <pc:docMk/>
          <pc:sldMk cId="3870145681" sldId="1084"/>
        </pc:sldMkLst>
        <pc:spChg chg="mod">
          <ac:chgData name="Gail Cross" userId="9e0fbb2e9583deed" providerId="LiveId" clId="{A07FF165-3693-497D-A997-D009FB519B94}" dt="2021-04-13T05:44:12.332" v="18015" actId="20577"/>
          <ac:spMkLst>
            <pc:docMk/>
            <pc:sldMk cId="3870145681" sldId="1084"/>
            <ac:spMk id="2" creationId="{9E8F781E-F751-4CC8-A20B-B031B5AF2573}"/>
          </ac:spMkLst>
        </pc:spChg>
        <pc:spChg chg="mod">
          <ac:chgData name="Gail Cross" userId="9e0fbb2e9583deed" providerId="LiveId" clId="{A07FF165-3693-497D-A997-D009FB519B94}" dt="2021-04-14T16:17:18.319" v="38911"/>
          <ac:spMkLst>
            <pc:docMk/>
            <pc:sldMk cId="3870145681" sldId="1084"/>
            <ac:spMk id="3" creationId="{611679C1-D311-4336-84A8-85DE45BAF080}"/>
          </ac:spMkLst>
        </pc:spChg>
        <pc:picChg chg="add mod">
          <ac:chgData name="Gail Cross" userId="9e0fbb2e9583deed" providerId="LiveId" clId="{A07FF165-3693-497D-A997-D009FB519B94}" dt="2021-04-13T05:45:00.468" v="18019"/>
          <ac:picMkLst>
            <pc:docMk/>
            <pc:sldMk cId="3870145681" sldId="1084"/>
            <ac:picMk id="4" creationId="{8960C48E-8CC3-4AFA-A766-086DC2ED127A}"/>
          </ac:picMkLst>
        </pc:picChg>
      </pc:sldChg>
      <pc:sldChg chg="addSp delSp modSp new mod modNotesTx">
        <pc:chgData name="Gail Cross" userId="9e0fbb2e9583deed" providerId="LiveId" clId="{A07FF165-3693-497D-A997-D009FB519B94}" dt="2021-04-15T04:27:02.701" v="60897" actId="14100"/>
        <pc:sldMkLst>
          <pc:docMk/>
          <pc:sldMk cId="3885485573" sldId="1085"/>
        </pc:sldMkLst>
        <pc:spChg chg="mod">
          <ac:chgData name="Gail Cross" userId="9e0fbb2e9583deed" providerId="LiveId" clId="{A07FF165-3693-497D-A997-D009FB519B94}" dt="2021-04-15T03:48:34.810" v="60044" actId="20577"/>
          <ac:spMkLst>
            <pc:docMk/>
            <pc:sldMk cId="3885485573" sldId="1085"/>
            <ac:spMk id="2" creationId="{1CA7FA5B-5555-48D2-BB81-DE759990A32B}"/>
          </ac:spMkLst>
        </pc:spChg>
        <pc:spChg chg="del">
          <ac:chgData name="Gail Cross" userId="9e0fbb2e9583deed" providerId="LiveId" clId="{A07FF165-3693-497D-A997-D009FB519B94}" dt="2021-04-13T06:02:57.766" v="19071"/>
          <ac:spMkLst>
            <pc:docMk/>
            <pc:sldMk cId="3885485573" sldId="1085"/>
            <ac:spMk id="3" creationId="{F4529FBF-8867-4C6E-B361-5139B70FADA8}"/>
          </ac:spMkLst>
        </pc:spChg>
        <pc:spChg chg="add mod">
          <ac:chgData name="Gail Cross" userId="9e0fbb2e9583deed" providerId="LiveId" clId="{A07FF165-3693-497D-A997-D009FB519B94}" dt="2021-04-15T03:50:29.296" v="60050" actId="1076"/>
          <ac:spMkLst>
            <pc:docMk/>
            <pc:sldMk cId="3885485573" sldId="1085"/>
            <ac:spMk id="5" creationId="{527BDB3B-76BE-44C4-86A5-8CBFA1162BE0}"/>
          </ac:spMkLst>
        </pc:spChg>
        <pc:spChg chg="add del mod">
          <ac:chgData name="Gail Cross" userId="9e0fbb2e9583deed" providerId="LiveId" clId="{A07FF165-3693-497D-A997-D009FB519B94}" dt="2021-04-13T07:04:36.364" v="19082" actId="22"/>
          <ac:spMkLst>
            <pc:docMk/>
            <pc:sldMk cId="3885485573" sldId="1085"/>
            <ac:spMk id="7" creationId="{A9365058-EA39-4EC0-A849-CAEDE10DA001}"/>
          </ac:spMkLst>
        </pc:spChg>
        <pc:spChg chg="add del mod">
          <ac:chgData name="Gail Cross" userId="9e0fbb2e9583deed" providerId="LiveId" clId="{A07FF165-3693-497D-A997-D009FB519B94}" dt="2021-04-13T07:12:04.344" v="19104" actId="22"/>
          <ac:spMkLst>
            <pc:docMk/>
            <pc:sldMk cId="3885485573" sldId="1085"/>
            <ac:spMk id="11" creationId="{E1EC8693-3235-450A-8FE5-4A9F62D98CBE}"/>
          </ac:spMkLst>
        </pc:spChg>
        <pc:spChg chg="add mod">
          <ac:chgData name="Gail Cross" userId="9e0fbb2e9583deed" providerId="LiveId" clId="{A07FF165-3693-497D-A997-D009FB519B94}" dt="2021-04-15T03:50:19.770" v="60046" actId="14100"/>
          <ac:spMkLst>
            <pc:docMk/>
            <pc:sldMk cId="3885485573" sldId="1085"/>
            <ac:spMk id="14" creationId="{8C3233D1-748D-40AB-9408-D4B7C3A86CFB}"/>
          </ac:spMkLst>
        </pc:spChg>
        <pc:picChg chg="add del mod modCrop">
          <ac:chgData name="Gail Cross" userId="9e0fbb2e9583deed" providerId="LiveId" clId="{A07FF165-3693-497D-A997-D009FB519B94}" dt="2021-04-13T07:04:34.123" v="19081" actId="478"/>
          <ac:picMkLst>
            <pc:docMk/>
            <pc:sldMk cId="3885485573" sldId="1085"/>
            <ac:picMk id="4" creationId="{D5C24EC7-09F6-4CC9-98A1-5C1A2B160A1C}"/>
          </ac:picMkLst>
        </pc:picChg>
        <pc:picChg chg="add mod">
          <ac:chgData name="Gail Cross" userId="9e0fbb2e9583deed" providerId="LiveId" clId="{A07FF165-3693-497D-A997-D009FB519B94}" dt="2021-04-15T04:27:02.701" v="60897" actId="14100"/>
          <ac:picMkLst>
            <pc:docMk/>
            <pc:sldMk cId="3885485573" sldId="1085"/>
            <ac:picMk id="6" creationId="{20E76237-835E-463E-99BF-9B7B0F2F1BF2}"/>
          </ac:picMkLst>
        </pc:picChg>
        <pc:picChg chg="add del mod ord">
          <ac:chgData name="Gail Cross" userId="9e0fbb2e9583deed" providerId="LiveId" clId="{A07FF165-3693-497D-A997-D009FB519B94}" dt="2021-04-13T07:11:33.367" v="19083" actId="478"/>
          <ac:picMkLst>
            <pc:docMk/>
            <pc:sldMk cId="3885485573" sldId="1085"/>
            <ac:picMk id="9" creationId="{9674CE60-4C9F-4290-B062-E65CB9D18AD2}"/>
          </ac:picMkLst>
        </pc:picChg>
        <pc:picChg chg="add mod ord modCrop">
          <ac:chgData name="Gail Cross" userId="9e0fbb2e9583deed" providerId="LiveId" clId="{A07FF165-3693-497D-A997-D009FB519B94}" dt="2021-04-15T03:50:24.708" v="60048" actId="14100"/>
          <ac:picMkLst>
            <pc:docMk/>
            <pc:sldMk cId="3885485573" sldId="1085"/>
            <ac:picMk id="13" creationId="{85CF9062-F7A6-4463-AFF9-184557D42A3A}"/>
          </ac:picMkLst>
        </pc:picChg>
      </pc:sldChg>
      <pc:sldChg chg="addSp modSp new mod modNotesTx">
        <pc:chgData name="Gail Cross" userId="9e0fbb2e9583deed" providerId="LiveId" clId="{A07FF165-3693-497D-A997-D009FB519B94}" dt="2021-04-15T04:27:09.302" v="60899" actId="14100"/>
        <pc:sldMkLst>
          <pc:docMk/>
          <pc:sldMk cId="3735396709" sldId="1086"/>
        </pc:sldMkLst>
        <pc:spChg chg="mod">
          <ac:chgData name="Gail Cross" userId="9e0fbb2e9583deed" providerId="LiveId" clId="{A07FF165-3693-497D-A997-D009FB519B94}" dt="2021-04-15T03:47:05.667" v="60002" actId="20577"/>
          <ac:spMkLst>
            <pc:docMk/>
            <pc:sldMk cId="3735396709" sldId="1086"/>
            <ac:spMk id="2" creationId="{D1387F61-89C7-4750-BCB2-93C68DA8B145}"/>
          </ac:spMkLst>
        </pc:spChg>
        <pc:spChg chg="mod">
          <ac:chgData name="Gail Cross" userId="9e0fbb2e9583deed" providerId="LiveId" clId="{A07FF165-3693-497D-A997-D009FB519B94}" dt="2021-04-15T03:47:59.471" v="60037" actId="14100"/>
          <ac:spMkLst>
            <pc:docMk/>
            <pc:sldMk cId="3735396709" sldId="1086"/>
            <ac:spMk id="3" creationId="{2C8B8316-888B-44B5-A67A-2E1B75B4BBCE}"/>
          </ac:spMkLst>
        </pc:spChg>
        <pc:spChg chg="add mod">
          <ac:chgData name="Gail Cross" userId="9e0fbb2e9583deed" providerId="LiveId" clId="{A07FF165-3693-497D-A997-D009FB519B94}" dt="2021-04-15T03:47:47.024" v="60035" actId="1076"/>
          <ac:spMkLst>
            <pc:docMk/>
            <pc:sldMk cId="3735396709" sldId="1086"/>
            <ac:spMk id="4" creationId="{FAF063F5-6C7D-4F70-B413-C2947381A9F2}"/>
          </ac:spMkLst>
        </pc:spChg>
        <pc:spChg chg="add mod">
          <ac:chgData name="Gail Cross" userId="9e0fbb2e9583deed" providerId="LiveId" clId="{A07FF165-3693-497D-A997-D009FB519B94}" dt="2021-04-15T03:48:11.981" v="60040" actId="1076"/>
          <ac:spMkLst>
            <pc:docMk/>
            <pc:sldMk cId="3735396709" sldId="1086"/>
            <ac:spMk id="5" creationId="{37B90192-9B33-49F8-9FD2-A9007B8D9B74}"/>
          </ac:spMkLst>
        </pc:spChg>
        <pc:spChg chg="add mod">
          <ac:chgData name="Gail Cross" userId="9e0fbb2e9583deed" providerId="LiveId" clId="{A07FF165-3693-497D-A997-D009FB519B94}" dt="2021-04-14T16:41:57.229" v="39839" actId="1076"/>
          <ac:spMkLst>
            <pc:docMk/>
            <pc:sldMk cId="3735396709" sldId="1086"/>
            <ac:spMk id="7" creationId="{B90BFA4A-8917-46A5-B5A4-E886B7BB745C}"/>
          </ac:spMkLst>
        </pc:spChg>
        <pc:picChg chg="add mod">
          <ac:chgData name="Gail Cross" userId="9e0fbb2e9583deed" providerId="LiveId" clId="{A07FF165-3693-497D-A997-D009FB519B94}" dt="2021-04-14T16:37:55.622" v="39638" actId="1076"/>
          <ac:picMkLst>
            <pc:docMk/>
            <pc:sldMk cId="3735396709" sldId="1086"/>
            <ac:picMk id="6" creationId="{33935987-4811-4F6D-882B-F4A003888EB9}"/>
          </ac:picMkLst>
        </pc:picChg>
        <pc:picChg chg="add mod">
          <ac:chgData name="Gail Cross" userId="9e0fbb2e9583deed" providerId="LiveId" clId="{A07FF165-3693-497D-A997-D009FB519B94}" dt="2021-04-15T04:27:09.302" v="60899" actId="14100"/>
          <ac:picMkLst>
            <pc:docMk/>
            <pc:sldMk cId="3735396709" sldId="1086"/>
            <ac:picMk id="8" creationId="{AD1B9671-14A5-43FA-8D12-318475843CAD}"/>
          </ac:picMkLst>
        </pc:picChg>
      </pc:sldChg>
      <pc:sldChg chg="new del">
        <pc:chgData name="Gail Cross" userId="9e0fbb2e9583deed" providerId="LiveId" clId="{A07FF165-3693-497D-A997-D009FB519B94}" dt="2021-04-13T08:08:49.302" v="22323" actId="47"/>
        <pc:sldMkLst>
          <pc:docMk/>
          <pc:sldMk cId="1171088459" sldId="1087"/>
        </pc:sldMkLst>
      </pc:sldChg>
      <pc:sldChg chg="addSp modSp mod">
        <pc:chgData name="Gail Cross" userId="9e0fbb2e9583deed" providerId="LiveId" clId="{A07FF165-3693-497D-A997-D009FB519B94}" dt="2021-04-13T08:58:37.795" v="23807" actId="1076"/>
        <pc:sldMkLst>
          <pc:docMk/>
          <pc:sldMk cId="937442961" sldId="1089"/>
        </pc:sldMkLst>
        <pc:spChg chg="mod">
          <ac:chgData name="Gail Cross" userId="9e0fbb2e9583deed" providerId="LiveId" clId="{A07FF165-3693-497D-A997-D009FB519B94}" dt="2021-04-13T08:13:37.382" v="22850" actId="14100"/>
          <ac:spMkLst>
            <pc:docMk/>
            <pc:sldMk cId="937442961" sldId="1089"/>
            <ac:spMk id="16" creationId="{1A9CD803-6BB0-4271-B086-EADFB3263A57}"/>
          </ac:spMkLst>
        </pc:spChg>
        <pc:spChg chg="mod">
          <ac:chgData name="Gail Cross" userId="9e0fbb2e9583deed" providerId="LiveId" clId="{A07FF165-3693-497D-A997-D009FB519B94}" dt="2021-04-13T08:16:18.536" v="22854" actId="1076"/>
          <ac:spMkLst>
            <pc:docMk/>
            <pc:sldMk cId="937442961" sldId="1089"/>
            <ac:spMk id="19" creationId="{44587AC9-395D-43FD-887C-EFD262773233}"/>
          </ac:spMkLst>
        </pc:spChg>
        <pc:spChg chg="add mod">
          <ac:chgData name="Gail Cross" userId="9e0fbb2e9583deed" providerId="LiveId" clId="{A07FF165-3693-497D-A997-D009FB519B94}" dt="2021-04-13T08:58:26.719" v="23806" actId="114"/>
          <ac:spMkLst>
            <pc:docMk/>
            <pc:sldMk cId="937442961" sldId="1089"/>
            <ac:spMk id="23" creationId="{FDE8B588-23F2-4244-AE16-0070B0A503BB}"/>
          </ac:spMkLst>
        </pc:spChg>
        <pc:picChg chg="add mod">
          <ac:chgData name="Gail Cross" userId="9e0fbb2e9583deed" providerId="LiveId" clId="{A07FF165-3693-497D-A997-D009FB519B94}" dt="2021-04-13T08:13:41.411" v="22851" actId="1076"/>
          <ac:picMkLst>
            <pc:docMk/>
            <pc:sldMk cId="937442961" sldId="1089"/>
            <ac:picMk id="3" creationId="{514DDB7E-365F-4618-BBF8-18BD6269F951}"/>
          </ac:picMkLst>
        </pc:picChg>
        <pc:picChg chg="mod">
          <ac:chgData name="Gail Cross" userId="9e0fbb2e9583deed" providerId="LiveId" clId="{A07FF165-3693-497D-A997-D009FB519B94}" dt="2021-04-13T08:58:37.795" v="23807" actId="1076"/>
          <ac:picMkLst>
            <pc:docMk/>
            <pc:sldMk cId="937442961" sldId="1089"/>
            <ac:picMk id="10" creationId="{B1839844-B4C9-4927-B16F-765B0F3AD7F7}"/>
          </ac:picMkLst>
        </pc:picChg>
        <pc:picChg chg="mod">
          <ac:chgData name="Gail Cross" userId="9e0fbb2e9583deed" providerId="LiveId" clId="{A07FF165-3693-497D-A997-D009FB519B94}" dt="2021-04-13T08:13:21.419" v="22846" actId="1076"/>
          <ac:picMkLst>
            <pc:docMk/>
            <pc:sldMk cId="937442961" sldId="1089"/>
            <ac:picMk id="18" creationId="{0E59ACB2-E2D1-46F6-8F9D-BB599ECC1932}"/>
          </ac:picMkLst>
        </pc:picChg>
        <pc:picChg chg="add mod">
          <ac:chgData name="Gail Cross" userId="9e0fbb2e9583deed" providerId="LiveId" clId="{A07FF165-3693-497D-A997-D009FB519B94}" dt="2021-04-13T08:16:25.894" v="22856" actId="14100"/>
          <ac:picMkLst>
            <pc:docMk/>
            <pc:sldMk cId="937442961" sldId="1089"/>
            <ac:picMk id="21" creationId="{8CBD69DA-CE82-4A5C-B89B-AC49CB07B075}"/>
          </ac:picMkLst>
        </pc:picChg>
        <pc:picChg chg="mod">
          <ac:chgData name="Gail Cross" userId="9e0fbb2e9583deed" providerId="LiveId" clId="{A07FF165-3693-497D-A997-D009FB519B94}" dt="2021-04-13T08:16:18.536" v="22854" actId="1076"/>
          <ac:picMkLst>
            <pc:docMk/>
            <pc:sldMk cId="937442961" sldId="1089"/>
            <ac:picMk id="31" creationId="{5E7E3C68-3C21-456C-B5E5-11CC7B242AD2}"/>
          </ac:picMkLst>
        </pc:picChg>
      </pc:sldChg>
      <pc:sldChg chg="addSp delSp modSp add mod">
        <pc:chgData name="Gail Cross" userId="9e0fbb2e9583deed" providerId="LiveId" clId="{A07FF165-3693-497D-A997-D009FB519B94}" dt="2021-04-14T17:07:37.241" v="57942" actId="1076"/>
        <pc:sldMkLst>
          <pc:docMk/>
          <pc:sldMk cId="1472395308" sldId="1093"/>
        </pc:sldMkLst>
        <pc:spChg chg="mod ord">
          <ac:chgData name="Gail Cross" userId="9e0fbb2e9583deed" providerId="LiveId" clId="{A07FF165-3693-497D-A997-D009FB519B94}" dt="2021-04-14T17:06:49.394" v="57481"/>
          <ac:spMkLst>
            <pc:docMk/>
            <pc:sldMk cId="1472395308" sldId="1093"/>
            <ac:spMk id="2" creationId="{7A141B9A-CC95-44B9-9701-AB7E600E2933}"/>
          </ac:spMkLst>
        </pc:spChg>
        <pc:spChg chg="mod ord">
          <ac:chgData name="Gail Cross" userId="9e0fbb2e9583deed" providerId="LiveId" clId="{A07FF165-3693-497D-A997-D009FB519B94}" dt="2021-04-14T17:06:58.916" v="57913" actId="1036"/>
          <ac:spMkLst>
            <pc:docMk/>
            <pc:sldMk cId="1472395308" sldId="1093"/>
            <ac:spMk id="3" creationId="{8313B5C1-1F73-4179-B9FB-96F502A93C50}"/>
          </ac:spMkLst>
        </pc:spChg>
        <pc:spChg chg="mod">
          <ac:chgData name="Gail Cross" userId="9e0fbb2e9583deed" providerId="LiveId" clId="{A07FF165-3693-497D-A997-D009FB519B94}" dt="2021-04-14T17:06:58.916" v="57913" actId="1036"/>
          <ac:spMkLst>
            <pc:docMk/>
            <pc:sldMk cId="1472395308" sldId="1093"/>
            <ac:spMk id="4" creationId="{C2150B03-3038-4607-9C01-7D8E52256DDD}"/>
          </ac:spMkLst>
        </pc:spChg>
        <pc:spChg chg="mod modVis">
          <ac:chgData name="Gail Cross" userId="9e0fbb2e9583deed" providerId="LiveId" clId="{A07FF165-3693-497D-A997-D009FB519B94}" dt="2021-04-14T17:06:49.403" v="57531"/>
          <ac:spMkLst>
            <pc:docMk/>
            <pc:sldMk cId="1472395308" sldId="1093"/>
            <ac:spMk id="5" creationId="{A9C273B8-0229-4D55-B7B8-B766F1135D83}"/>
          </ac:spMkLst>
        </pc:spChg>
        <pc:spChg chg="mod modVis">
          <ac:chgData name="Gail Cross" userId="9e0fbb2e9583deed" providerId="LiveId" clId="{A07FF165-3693-497D-A997-D009FB519B94}" dt="2021-04-14T17:06:49.410" v="57566"/>
          <ac:spMkLst>
            <pc:docMk/>
            <pc:sldMk cId="1472395308" sldId="1093"/>
            <ac:spMk id="6" creationId="{6D074185-698C-45C9-8686-0761F9E8E233}"/>
          </ac:spMkLst>
        </pc:spChg>
        <pc:spChg chg="mod ord modVis">
          <ac:chgData name="Gail Cross" userId="9e0fbb2e9583deed" providerId="LiveId" clId="{A07FF165-3693-497D-A997-D009FB519B94}" dt="2021-04-14T17:06:49.410" v="57568"/>
          <ac:spMkLst>
            <pc:docMk/>
            <pc:sldMk cId="1472395308" sldId="1093"/>
            <ac:spMk id="7" creationId="{90517285-1A54-4A7C-9E74-8B5C769165C0}"/>
          </ac:spMkLst>
        </pc:spChg>
        <pc:spChg chg="mod ord">
          <ac:chgData name="Gail Cross" userId="9e0fbb2e9583deed" providerId="LiveId" clId="{A07FF165-3693-497D-A997-D009FB519B94}" dt="2021-04-14T17:06:58.916" v="57913" actId="1036"/>
          <ac:spMkLst>
            <pc:docMk/>
            <pc:sldMk cId="1472395308" sldId="1093"/>
            <ac:spMk id="8" creationId="{E5801643-DA2C-43A9-A7E0-62EF2800CB6A}"/>
          </ac:spMkLst>
        </pc:spChg>
        <pc:spChg chg="mod ord">
          <ac:chgData name="Gail Cross" userId="9e0fbb2e9583deed" providerId="LiveId" clId="{A07FF165-3693-497D-A997-D009FB519B94}" dt="2021-04-14T17:06:58.916" v="57913" actId="1036"/>
          <ac:spMkLst>
            <pc:docMk/>
            <pc:sldMk cId="1472395308" sldId="1093"/>
            <ac:spMk id="9" creationId="{94E0FEAA-BD0D-4486-86F8-4604F4F2E1A7}"/>
          </ac:spMkLst>
        </pc:spChg>
        <pc:spChg chg="mod ord">
          <ac:chgData name="Gail Cross" userId="9e0fbb2e9583deed" providerId="LiveId" clId="{A07FF165-3693-497D-A997-D009FB519B94}" dt="2021-04-14T17:06:58.916" v="57913" actId="1036"/>
          <ac:spMkLst>
            <pc:docMk/>
            <pc:sldMk cId="1472395308" sldId="1093"/>
            <ac:spMk id="10" creationId="{31D11552-F4B1-47B0-A636-4A9EC6DF4616}"/>
          </ac:spMkLst>
        </pc:spChg>
        <pc:spChg chg="mod ord">
          <ac:chgData name="Gail Cross" userId="9e0fbb2e9583deed" providerId="LiveId" clId="{A07FF165-3693-497D-A997-D009FB519B94}" dt="2021-04-14T17:06:58.916" v="57913" actId="1036"/>
          <ac:spMkLst>
            <pc:docMk/>
            <pc:sldMk cId="1472395308" sldId="1093"/>
            <ac:spMk id="11" creationId="{B05D3CF8-5ABE-4023-8F12-1F770CBD69E0}"/>
          </ac:spMkLst>
        </pc:spChg>
        <pc:spChg chg="mod ord">
          <ac:chgData name="Gail Cross" userId="9e0fbb2e9583deed" providerId="LiveId" clId="{A07FF165-3693-497D-A997-D009FB519B94}" dt="2021-04-14T17:06:58.916" v="57913" actId="1036"/>
          <ac:spMkLst>
            <pc:docMk/>
            <pc:sldMk cId="1472395308" sldId="1093"/>
            <ac:spMk id="12" creationId="{EEDF29BC-54AF-4EAE-877E-E2D06126A168}"/>
          </ac:spMkLst>
        </pc:spChg>
        <pc:spChg chg="mod ord">
          <ac:chgData name="Gail Cross" userId="9e0fbb2e9583deed" providerId="LiveId" clId="{A07FF165-3693-497D-A997-D009FB519B94}" dt="2021-04-14T17:06:58.916" v="57913" actId="1036"/>
          <ac:spMkLst>
            <pc:docMk/>
            <pc:sldMk cId="1472395308" sldId="1093"/>
            <ac:spMk id="13" creationId="{F2142F50-F040-4AF3-9ACF-953E5526EE1C}"/>
          </ac:spMkLst>
        </pc:spChg>
        <pc:spChg chg="mod ord">
          <ac:chgData name="Gail Cross" userId="9e0fbb2e9583deed" providerId="LiveId" clId="{A07FF165-3693-497D-A997-D009FB519B94}" dt="2021-04-14T17:06:58.916" v="57913" actId="1036"/>
          <ac:spMkLst>
            <pc:docMk/>
            <pc:sldMk cId="1472395308" sldId="1093"/>
            <ac:spMk id="14" creationId="{950B1185-54E3-407C-BD98-402825C187E6}"/>
          </ac:spMkLst>
        </pc:spChg>
        <pc:spChg chg="mod ord">
          <ac:chgData name="Gail Cross" userId="9e0fbb2e9583deed" providerId="LiveId" clId="{A07FF165-3693-497D-A997-D009FB519B94}" dt="2021-04-14T17:06:58.916" v="57913" actId="1036"/>
          <ac:spMkLst>
            <pc:docMk/>
            <pc:sldMk cId="1472395308" sldId="1093"/>
            <ac:spMk id="16" creationId="{106E7FE3-8328-4992-BA3A-E7C60E539D5F}"/>
          </ac:spMkLst>
        </pc:spChg>
        <pc:spChg chg="mod ord">
          <ac:chgData name="Gail Cross" userId="9e0fbb2e9583deed" providerId="LiveId" clId="{A07FF165-3693-497D-A997-D009FB519B94}" dt="2021-04-14T17:06:58.916" v="57913" actId="1036"/>
          <ac:spMkLst>
            <pc:docMk/>
            <pc:sldMk cId="1472395308" sldId="1093"/>
            <ac:spMk id="17" creationId="{2786AF16-0FE6-4BD5-8555-E2EFCE320A45}"/>
          </ac:spMkLst>
        </pc:spChg>
        <pc:spChg chg="mod">
          <ac:chgData name="Gail Cross" userId="9e0fbb2e9583deed" providerId="LiveId" clId="{A07FF165-3693-497D-A997-D009FB519B94}" dt="2021-04-14T17:06:58.916" v="57913" actId="1036"/>
          <ac:spMkLst>
            <pc:docMk/>
            <pc:sldMk cId="1472395308" sldId="1093"/>
            <ac:spMk id="18" creationId="{E9207AF7-7ACD-4E4B-9707-77C6704D8BEC}"/>
          </ac:spMkLst>
        </pc:spChg>
        <pc:spChg chg="mod">
          <ac:chgData name="Gail Cross" userId="9e0fbb2e9583deed" providerId="LiveId" clId="{A07FF165-3693-497D-A997-D009FB519B94}" dt="2021-04-14T17:06:58.916" v="57913" actId="1036"/>
          <ac:spMkLst>
            <pc:docMk/>
            <pc:sldMk cId="1472395308" sldId="1093"/>
            <ac:spMk id="19" creationId="{7E547271-6357-4AB0-B78B-E2C8F0EE39BB}"/>
          </ac:spMkLst>
        </pc:spChg>
        <pc:spChg chg="mod">
          <ac:chgData name="Gail Cross" userId="9e0fbb2e9583deed" providerId="LiveId" clId="{A07FF165-3693-497D-A997-D009FB519B94}" dt="2021-04-14T17:06:58.916" v="57913" actId="1036"/>
          <ac:spMkLst>
            <pc:docMk/>
            <pc:sldMk cId="1472395308" sldId="1093"/>
            <ac:spMk id="20" creationId="{78E887E7-7048-41C7-A404-D3409A5BF1F8}"/>
          </ac:spMkLst>
        </pc:spChg>
        <pc:spChg chg="mod ord">
          <ac:chgData name="Gail Cross" userId="9e0fbb2e9583deed" providerId="LiveId" clId="{A07FF165-3693-497D-A997-D009FB519B94}" dt="2021-04-14T17:06:58.916" v="57913" actId="1036"/>
          <ac:spMkLst>
            <pc:docMk/>
            <pc:sldMk cId="1472395308" sldId="1093"/>
            <ac:spMk id="21" creationId="{F67A2FB4-8BFB-4053-827E-96DA78434D2A}"/>
          </ac:spMkLst>
        </pc:spChg>
        <pc:spChg chg="mod">
          <ac:chgData name="Gail Cross" userId="9e0fbb2e9583deed" providerId="LiveId" clId="{A07FF165-3693-497D-A997-D009FB519B94}" dt="2021-04-14T17:06:58.916" v="57913" actId="1036"/>
          <ac:spMkLst>
            <pc:docMk/>
            <pc:sldMk cId="1472395308" sldId="1093"/>
            <ac:spMk id="26" creationId="{056ACD4D-99A7-4B08-AA5D-AFD9BE3B8AC0}"/>
          </ac:spMkLst>
        </pc:spChg>
        <pc:spChg chg="mod">
          <ac:chgData name="Gail Cross" userId="9e0fbb2e9583deed" providerId="LiveId" clId="{A07FF165-3693-497D-A997-D009FB519B94}" dt="2021-04-14T17:06:49.403" v="57532"/>
          <ac:spMkLst>
            <pc:docMk/>
            <pc:sldMk cId="1472395308" sldId="1093"/>
            <ac:spMk id="27" creationId="{CBB4BD71-8D59-4E95-AF5A-6977E81DBDB2}"/>
          </ac:spMkLst>
        </pc:spChg>
        <pc:spChg chg="mod ord">
          <ac:chgData name="Gail Cross" userId="9e0fbb2e9583deed" providerId="LiveId" clId="{A07FF165-3693-497D-A997-D009FB519B94}" dt="2021-04-14T17:06:49.412" v="57584"/>
          <ac:spMkLst>
            <pc:docMk/>
            <pc:sldMk cId="1472395308" sldId="1093"/>
            <ac:spMk id="28" creationId="{A64EA2E8-A59C-4B34-8739-6387F67E2F6F}"/>
          </ac:spMkLst>
        </pc:spChg>
        <pc:spChg chg="mod ord">
          <ac:chgData name="Gail Cross" userId="9e0fbb2e9583deed" providerId="LiveId" clId="{A07FF165-3693-497D-A997-D009FB519B94}" dt="2021-04-14T17:06:49.412" v="57586"/>
          <ac:spMkLst>
            <pc:docMk/>
            <pc:sldMk cId="1472395308" sldId="1093"/>
            <ac:spMk id="29" creationId="{31233766-148E-40F5-99CB-AE17A5402291}"/>
          </ac:spMkLst>
        </pc:spChg>
        <pc:spChg chg="mod ord">
          <ac:chgData name="Gail Cross" userId="9e0fbb2e9583deed" providerId="LiveId" clId="{A07FF165-3693-497D-A997-D009FB519B94}" dt="2021-04-14T17:06:49.413" v="57588"/>
          <ac:spMkLst>
            <pc:docMk/>
            <pc:sldMk cId="1472395308" sldId="1093"/>
            <ac:spMk id="30" creationId="{E0A51D98-CFAC-404A-A101-7F7ED509E28C}"/>
          </ac:spMkLst>
        </pc:spChg>
        <pc:spChg chg="mod ord">
          <ac:chgData name="Gail Cross" userId="9e0fbb2e9583deed" providerId="LiveId" clId="{A07FF165-3693-497D-A997-D009FB519B94}" dt="2021-04-14T17:06:49.413" v="57590"/>
          <ac:spMkLst>
            <pc:docMk/>
            <pc:sldMk cId="1472395308" sldId="1093"/>
            <ac:spMk id="31" creationId="{F3D539B6-BD1E-434B-9D31-A9926D0F925C}"/>
          </ac:spMkLst>
        </pc:spChg>
        <pc:spChg chg="del mod ord">
          <ac:chgData name="Gail Cross" userId="9e0fbb2e9583deed" providerId="LiveId" clId="{A07FF165-3693-497D-A997-D009FB519B94}" dt="2021-04-14T17:04:37.462" v="48336" actId="478"/>
          <ac:spMkLst>
            <pc:docMk/>
            <pc:sldMk cId="1472395308" sldId="1093"/>
            <ac:spMk id="32" creationId="{5704F85E-BD29-4A5F-B3CB-4E589955F580}"/>
          </ac:spMkLst>
        </pc:spChg>
        <pc:spChg chg="mod ord">
          <ac:chgData name="Gail Cross" userId="9e0fbb2e9583deed" providerId="LiveId" clId="{A07FF165-3693-497D-A997-D009FB519B94}" dt="2021-04-14T17:06:58.916" v="57913" actId="1036"/>
          <ac:spMkLst>
            <pc:docMk/>
            <pc:sldMk cId="1472395308" sldId="1093"/>
            <ac:spMk id="33" creationId="{01F3D9F0-D587-463A-97F0-5B74F052774A}"/>
          </ac:spMkLst>
        </pc:spChg>
        <pc:spChg chg="mod">
          <ac:chgData name="Gail Cross" userId="9e0fbb2e9583deed" providerId="LiveId" clId="{A07FF165-3693-497D-A997-D009FB519B94}" dt="2021-04-14T17:06:58.916" v="57913" actId="1036"/>
          <ac:spMkLst>
            <pc:docMk/>
            <pc:sldMk cId="1472395308" sldId="1093"/>
            <ac:spMk id="34" creationId="{EB7970FA-2743-4E23-953D-D0AA05253EE4}"/>
          </ac:spMkLst>
        </pc:spChg>
        <pc:spChg chg="mod">
          <ac:chgData name="Gail Cross" userId="9e0fbb2e9583deed" providerId="LiveId" clId="{A07FF165-3693-497D-A997-D009FB519B94}" dt="2021-04-14T17:06:49.403" v="57533"/>
          <ac:spMkLst>
            <pc:docMk/>
            <pc:sldMk cId="1472395308" sldId="1093"/>
            <ac:spMk id="35" creationId="{8589AB9A-813F-4C1C-AA53-2B5779DDA3DE}"/>
          </ac:spMkLst>
        </pc:spChg>
        <pc:spChg chg="mod ord">
          <ac:chgData name="Gail Cross" userId="9e0fbb2e9583deed" providerId="LiveId" clId="{A07FF165-3693-497D-A997-D009FB519B94}" dt="2021-04-14T17:06:49.414" v="57594"/>
          <ac:spMkLst>
            <pc:docMk/>
            <pc:sldMk cId="1472395308" sldId="1093"/>
            <ac:spMk id="36" creationId="{829BFEE6-1B7D-4C02-B918-36EDE2F2790C}"/>
          </ac:spMkLst>
        </pc:spChg>
        <pc:spChg chg="mod ord">
          <ac:chgData name="Gail Cross" userId="9e0fbb2e9583deed" providerId="LiveId" clId="{A07FF165-3693-497D-A997-D009FB519B94}" dt="2021-04-14T17:06:49.414" v="57596"/>
          <ac:spMkLst>
            <pc:docMk/>
            <pc:sldMk cId="1472395308" sldId="1093"/>
            <ac:spMk id="37" creationId="{5CB7B9B3-87C7-4070-B103-CE88100ACB3E}"/>
          </ac:spMkLst>
        </pc:spChg>
        <pc:spChg chg="mod ord">
          <ac:chgData name="Gail Cross" userId="9e0fbb2e9583deed" providerId="LiveId" clId="{A07FF165-3693-497D-A997-D009FB519B94}" dt="2021-04-14T17:06:49.414" v="57598"/>
          <ac:spMkLst>
            <pc:docMk/>
            <pc:sldMk cId="1472395308" sldId="1093"/>
            <ac:spMk id="38" creationId="{1ED82F73-307B-4175-BF8A-208EFEF8A860}"/>
          </ac:spMkLst>
        </pc:spChg>
        <pc:spChg chg="mod ord">
          <ac:chgData name="Gail Cross" userId="9e0fbb2e9583deed" providerId="LiveId" clId="{A07FF165-3693-497D-A997-D009FB519B94}" dt="2021-04-14T17:06:49.415" v="57600"/>
          <ac:spMkLst>
            <pc:docMk/>
            <pc:sldMk cId="1472395308" sldId="1093"/>
            <ac:spMk id="39" creationId="{5DB2374B-C9DD-4E60-B276-5B8EE09D0932}"/>
          </ac:spMkLst>
        </pc:spChg>
        <pc:spChg chg="del mod ord">
          <ac:chgData name="Gail Cross" userId="9e0fbb2e9583deed" providerId="LiveId" clId="{A07FF165-3693-497D-A997-D009FB519B94}" dt="2021-04-14T17:04:39.596" v="48337" actId="478"/>
          <ac:spMkLst>
            <pc:docMk/>
            <pc:sldMk cId="1472395308" sldId="1093"/>
            <ac:spMk id="40" creationId="{E29B0A69-AF5D-4EAE-B11B-0620CE595936}"/>
          </ac:spMkLst>
        </pc:spChg>
        <pc:spChg chg="mod ord">
          <ac:chgData name="Gail Cross" userId="9e0fbb2e9583deed" providerId="LiveId" clId="{A07FF165-3693-497D-A997-D009FB519B94}" dt="2021-04-14T17:06:58.916" v="57913" actId="1036"/>
          <ac:spMkLst>
            <pc:docMk/>
            <pc:sldMk cId="1472395308" sldId="1093"/>
            <ac:spMk id="41" creationId="{AFE4359E-3EF6-4CFE-B568-A977626627AB}"/>
          </ac:spMkLst>
        </pc:spChg>
        <pc:spChg chg="mod ord">
          <ac:chgData name="Gail Cross" userId="9e0fbb2e9583deed" providerId="LiveId" clId="{A07FF165-3693-497D-A997-D009FB519B94}" dt="2021-04-14T17:06:58.916" v="57913" actId="1036"/>
          <ac:spMkLst>
            <pc:docMk/>
            <pc:sldMk cId="1472395308" sldId="1093"/>
            <ac:spMk id="42" creationId="{114D208F-3C41-4DEC-B8DD-4F552716360E}"/>
          </ac:spMkLst>
        </pc:spChg>
        <pc:spChg chg="mod ord">
          <ac:chgData name="Gail Cross" userId="9e0fbb2e9583deed" providerId="LiveId" clId="{A07FF165-3693-497D-A997-D009FB519B94}" dt="2021-04-14T17:06:58.916" v="57913" actId="1036"/>
          <ac:spMkLst>
            <pc:docMk/>
            <pc:sldMk cId="1472395308" sldId="1093"/>
            <ac:spMk id="43" creationId="{2E9330FA-204A-4239-971B-8EEAEF7C355F}"/>
          </ac:spMkLst>
        </pc:spChg>
        <pc:spChg chg="add mod ord">
          <ac:chgData name="Gail Cross" userId="9e0fbb2e9583deed" providerId="LiveId" clId="{A07FF165-3693-497D-A997-D009FB519B94}" dt="2021-04-14T17:06:58.916" v="57913" actId="1036"/>
          <ac:spMkLst>
            <pc:docMk/>
            <pc:sldMk cId="1472395308" sldId="1093"/>
            <ac:spMk id="44" creationId="{5EBDDDFB-6C6B-4870-AC0B-F0DBC601A520}"/>
          </ac:spMkLst>
        </pc:spChg>
        <pc:spChg chg="mod">
          <ac:chgData name="Gail Cross" userId="9e0fbb2e9583deed" providerId="LiveId" clId="{A07FF165-3693-497D-A997-D009FB519B94}" dt="2021-04-14T17:06:58.916" v="57913" actId="1036"/>
          <ac:spMkLst>
            <pc:docMk/>
            <pc:sldMk cId="1472395308" sldId="1093"/>
            <ac:spMk id="45" creationId="{3E12F519-392F-447D-91B3-61E0DA99B296}"/>
          </ac:spMkLst>
        </pc:spChg>
        <pc:spChg chg="mod">
          <ac:chgData name="Gail Cross" userId="9e0fbb2e9583deed" providerId="LiveId" clId="{A07FF165-3693-497D-A997-D009FB519B94}" dt="2021-04-14T17:06:58.916" v="57913" actId="1036"/>
          <ac:spMkLst>
            <pc:docMk/>
            <pc:sldMk cId="1472395308" sldId="1093"/>
            <ac:spMk id="46" creationId="{8C74A21F-7319-4DC4-8599-4242F8287E9B}"/>
          </ac:spMkLst>
        </pc:spChg>
        <pc:spChg chg="mod ord">
          <ac:chgData name="Gail Cross" userId="9e0fbb2e9583deed" providerId="LiveId" clId="{A07FF165-3693-497D-A997-D009FB519B94}" dt="2021-04-14T17:06:58.916" v="57913" actId="1036"/>
          <ac:spMkLst>
            <pc:docMk/>
            <pc:sldMk cId="1472395308" sldId="1093"/>
            <ac:spMk id="47" creationId="{48ADF4B7-C23A-4750-B219-EBCAA3F1C9B9}"/>
          </ac:spMkLst>
        </pc:spChg>
        <pc:spChg chg="add mod ord">
          <ac:chgData name="Gail Cross" userId="9e0fbb2e9583deed" providerId="LiveId" clId="{A07FF165-3693-497D-A997-D009FB519B94}" dt="2021-04-14T17:07:28.428" v="57939" actId="14100"/>
          <ac:spMkLst>
            <pc:docMk/>
            <pc:sldMk cId="1472395308" sldId="1093"/>
            <ac:spMk id="50" creationId="{B8B68109-9A34-4AA3-B50B-6EC03ADB6E92}"/>
          </ac:spMkLst>
        </pc:spChg>
        <pc:spChg chg="mod">
          <ac:chgData name="Gail Cross" userId="9e0fbb2e9583deed" providerId="LiveId" clId="{A07FF165-3693-497D-A997-D009FB519B94}" dt="2021-04-14T17:06:58.916" v="57913" actId="1036"/>
          <ac:spMkLst>
            <pc:docMk/>
            <pc:sldMk cId="1472395308" sldId="1093"/>
            <ac:spMk id="51" creationId="{16D58FCC-6649-4E0C-A3F1-93C6BDE83FA1}"/>
          </ac:spMkLst>
        </pc:spChg>
        <pc:spChg chg="mod">
          <ac:chgData name="Gail Cross" userId="9e0fbb2e9583deed" providerId="LiveId" clId="{A07FF165-3693-497D-A997-D009FB519B94}" dt="2021-04-14T17:06:49.403" v="57534"/>
          <ac:spMkLst>
            <pc:docMk/>
            <pc:sldMk cId="1472395308" sldId="1093"/>
            <ac:spMk id="52" creationId="{B87D2ED2-99A9-4474-BD1C-560C7F5147F0}"/>
          </ac:spMkLst>
        </pc:spChg>
        <pc:spChg chg="mod ord">
          <ac:chgData name="Gail Cross" userId="9e0fbb2e9583deed" providerId="LiveId" clId="{A07FF165-3693-497D-A997-D009FB519B94}" dt="2021-04-14T17:06:49.416" v="57608"/>
          <ac:spMkLst>
            <pc:docMk/>
            <pc:sldMk cId="1472395308" sldId="1093"/>
            <ac:spMk id="53" creationId="{E73FDD91-1808-42D6-A197-A3C8C04B6033}"/>
          </ac:spMkLst>
        </pc:spChg>
        <pc:spChg chg="mod ord">
          <ac:chgData name="Gail Cross" userId="9e0fbb2e9583deed" providerId="LiveId" clId="{A07FF165-3693-497D-A997-D009FB519B94}" dt="2021-04-14T17:06:49.416" v="57610"/>
          <ac:spMkLst>
            <pc:docMk/>
            <pc:sldMk cId="1472395308" sldId="1093"/>
            <ac:spMk id="54" creationId="{024EE799-6765-4D9E-ABE0-F2BC8565D7AB}"/>
          </ac:spMkLst>
        </pc:spChg>
        <pc:spChg chg="mod ord">
          <ac:chgData name="Gail Cross" userId="9e0fbb2e9583deed" providerId="LiveId" clId="{A07FF165-3693-497D-A997-D009FB519B94}" dt="2021-04-14T17:06:49.416" v="57612"/>
          <ac:spMkLst>
            <pc:docMk/>
            <pc:sldMk cId="1472395308" sldId="1093"/>
            <ac:spMk id="55" creationId="{BA9ED161-0415-4B1F-ABBB-D684193EA6C9}"/>
          </ac:spMkLst>
        </pc:spChg>
        <pc:spChg chg="mod ord">
          <ac:chgData name="Gail Cross" userId="9e0fbb2e9583deed" providerId="LiveId" clId="{A07FF165-3693-497D-A997-D009FB519B94}" dt="2021-04-14T17:06:49.417" v="57614"/>
          <ac:spMkLst>
            <pc:docMk/>
            <pc:sldMk cId="1472395308" sldId="1093"/>
            <ac:spMk id="56" creationId="{3992D8B0-4597-4CEA-B9F2-D9748160A76D}"/>
          </ac:spMkLst>
        </pc:spChg>
        <pc:spChg chg="del mod ord">
          <ac:chgData name="Gail Cross" userId="9e0fbb2e9583deed" providerId="LiveId" clId="{A07FF165-3693-497D-A997-D009FB519B94}" dt="2021-04-14T17:04:34.338" v="47410" actId="478"/>
          <ac:spMkLst>
            <pc:docMk/>
            <pc:sldMk cId="1472395308" sldId="1093"/>
            <ac:spMk id="57" creationId="{D7C627F1-2F3D-4984-A9B5-3E5050564D32}"/>
          </ac:spMkLst>
        </pc:spChg>
        <pc:spChg chg="mod ord">
          <ac:chgData name="Gail Cross" userId="9e0fbb2e9583deed" providerId="LiveId" clId="{A07FF165-3693-497D-A997-D009FB519B94}" dt="2021-04-14T17:06:58.916" v="57913" actId="1036"/>
          <ac:spMkLst>
            <pc:docMk/>
            <pc:sldMk cId="1472395308" sldId="1093"/>
            <ac:spMk id="58" creationId="{AA66925E-7DF2-42C4-97F4-A6850334F8E2}"/>
          </ac:spMkLst>
        </pc:spChg>
        <pc:spChg chg="mod">
          <ac:chgData name="Gail Cross" userId="9e0fbb2e9583deed" providerId="LiveId" clId="{A07FF165-3693-497D-A997-D009FB519B94}" dt="2021-04-14T17:06:58.916" v="57913" actId="1036"/>
          <ac:spMkLst>
            <pc:docMk/>
            <pc:sldMk cId="1472395308" sldId="1093"/>
            <ac:spMk id="59" creationId="{81FAF2F9-C597-4381-BF49-9FCB57595608}"/>
          </ac:spMkLst>
        </pc:spChg>
        <pc:spChg chg="mod">
          <ac:chgData name="Gail Cross" userId="9e0fbb2e9583deed" providerId="LiveId" clId="{A07FF165-3693-497D-A997-D009FB519B94}" dt="2021-04-14T17:06:49.404" v="57535"/>
          <ac:spMkLst>
            <pc:docMk/>
            <pc:sldMk cId="1472395308" sldId="1093"/>
            <ac:spMk id="60" creationId="{B5FA4537-68C8-4F24-846A-987410C050A4}"/>
          </ac:spMkLst>
        </pc:spChg>
        <pc:spChg chg="mod ord">
          <ac:chgData name="Gail Cross" userId="9e0fbb2e9583deed" providerId="LiveId" clId="{A07FF165-3693-497D-A997-D009FB519B94}" dt="2021-04-14T17:06:49.417" v="57618"/>
          <ac:spMkLst>
            <pc:docMk/>
            <pc:sldMk cId="1472395308" sldId="1093"/>
            <ac:spMk id="61" creationId="{24FE3F24-923D-4E77-B3CA-07082020186F}"/>
          </ac:spMkLst>
        </pc:spChg>
        <pc:spChg chg="mod ord">
          <ac:chgData name="Gail Cross" userId="9e0fbb2e9583deed" providerId="LiveId" clId="{A07FF165-3693-497D-A997-D009FB519B94}" dt="2021-04-14T17:06:49.417" v="57620"/>
          <ac:spMkLst>
            <pc:docMk/>
            <pc:sldMk cId="1472395308" sldId="1093"/>
            <ac:spMk id="62" creationId="{DD0C053F-5668-4414-8DBD-86C308BC158F}"/>
          </ac:spMkLst>
        </pc:spChg>
        <pc:spChg chg="mod ord">
          <ac:chgData name="Gail Cross" userId="9e0fbb2e9583deed" providerId="LiveId" clId="{A07FF165-3693-497D-A997-D009FB519B94}" dt="2021-04-14T17:06:49.418" v="57622"/>
          <ac:spMkLst>
            <pc:docMk/>
            <pc:sldMk cId="1472395308" sldId="1093"/>
            <ac:spMk id="63" creationId="{056BE45A-7BD5-433F-8A51-65D83A4CC953}"/>
          </ac:spMkLst>
        </pc:spChg>
        <pc:spChg chg="mod ord">
          <ac:chgData name="Gail Cross" userId="9e0fbb2e9583deed" providerId="LiveId" clId="{A07FF165-3693-497D-A997-D009FB519B94}" dt="2021-04-14T17:06:49.418" v="57624"/>
          <ac:spMkLst>
            <pc:docMk/>
            <pc:sldMk cId="1472395308" sldId="1093"/>
            <ac:spMk id="64" creationId="{F5B2079E-2C94-441F-A44C-69DF93D2D7C5}"/>
          </ac:spMkLst>
        </pc:spChg>
        <pc:spChg chg="del mod ord">
          <ac:chgData name="Gail Cross" userId="9e0fbb2e9583deed" providerId="LiveId" clId="{A07FF165-3693-497D-A997-D009FB519B94}" dt="2021-04-14T17:04:41.895" v="48338" actId="478"/>
          <ac:spMkLst>
            <pc:docMk/>
            <pc:sldMk cId="1472395308" sldId="1093"/>
            <ac:spMk id="65" creationId="{1532E991-B2FC-44C1-964F-49A5F422B052}"/>
          </ac:spMkLst>
        </pc:spChg>
        <pc:spChg chg="mod ord">
          <ac:chgData name="Gail Cross" userId="9e0fbb2e9583deed" providerId="LiveId" clId="{A07FF165-3693-497D-A997-D009FB519B94}" dt="2021-04-14T17:06:58.916" v="57913" actId="1036"/>
          <ac:spMkLst>
            <pc:docMk/>
            <pc:sldMk cId="1472395308" sldId="1093"/>
            <ac:spMk id="66" creationId="{AC9199C4-CCA1-4317-A2FA-7D65947A0D33}"/>
          </ac:spMkLst>
        </pc:spChg>
        <pc:spChg chg="mod">
          <ac:chgData name="Gail Cross" userId="9e0fbb2e9583deed" providerId="LiveId" clId="{A07FF165-3693-497D-A997-D009FB519B94}" dt="2021-04-14T17:06:58.916" v="57913" actId="1036"/>
          <ac:spMkLst>
            <pc:docMk/>
            <pc:sldMk cId="1472395308" sldId="1093"/>
            <ac:spMk id="67" creationId="{98320B31-2BC3-41B2-B6A8-666180C378E4}"/>
          </ac:spMkLst>
        </pc:spChg>
        <pc:spChg chg="mod">
          <ac:chgData name="Gail Cross" userId="9e0fbb2e9583deed" providerId="LiveId" clId="{A07FF165-3693-497D-A997-D009FB519B94}" dt="2021-04-14T17:06:49.404" v="57536"/>
          <ac:spMkLst>
            <pc:docMk/>
            <pc:sldMk cId="1472395308" sldId="1093"/>
            <ac:spMk id="68" creationId="{C940D529-0F1C-4388-ABFD-95FEFEA64ED0}"/>
          </ac:spMkLst>
        </pc:spChg>
        <pc:spChg chg="mod ord">
          <ac:chgData name="Gail Cross" userId="9e0fbb2e9583deed" providerId="LiveId" clId="{A07FF165-3693-497D-A997-D009FB519B94}" dt="2021-04-14T17:06:49.419" v="57628"/>
          <ac:spMkLst>
            <pc:docMk/>
            <pc:sldMk cId="1472395308" sldId="1093"/>
            <ac:spMk id="69" creationId="{1AAA6880-C730-452D-8B23-076AA29D730D}"/>
          </ac:spMkLst>
        </pc:spChg>
        <pc:spChg chg="mod ord">
          <ac:chgData name="Gail Cross" userId="9e0fbb2e9583deed" providerId="LiveId" clId="{A07FF165-3693-497D-A997-D009FB519B94}" dt="2021-04-14T17:06:49.419" v="57630"/>
          <ac:spMkLst>
            <pc:docMk/>
            <pc:sldMk cId="1472395308" sldId="1093"/>
            <ac:spMk id="70" creationId="{CAB524F7-14C6-4436-8414-07FE816AFCDC}"/>
          </ac:spMkLst>
        </pc:spChg>
        <pc:spChg chg="mod ord">
          <ac:chgData name="Gail Cross" userId="9e0fbb2e9583deed" providerId="LiveId" clId="{A07FF165-3693-497D-A997-D009FB519B94}" dt="2021-04-14T17:06:49.419" v="57632"/>
          <ac:spMkLst>
            <pc:docMk/>
            <pc:sldMk cId="1472395308" sldId="1093"/>
            <ac:spMk id="71" creationId="{7182D049-FE6A-41F8-883B-B4CC5F2866B3}"/>
          </ac:spMkLst>
        </pc:spChg>
        <pc:spChg chg="mod ord">
          <ac:chgData name="Gail Cross" userId="9e0fbb2e9583deed" providerId="LiveId" clId="{A07FF165-3693-497D-A997-D009FB519B94}" dt="2021-04-14T17:06:49.419" v="57634"/>
          <ac:spMkLst>
            <pc:docMk/>
            <pc:sldMk cId="1472395308" sldId="1093"/>
            <ac:spMk id="72" creationId="{878CFE6D-EF32-4689-8C77-5067B6A622CD}"/>
          </ac:spMkLst>
        </pc:spChg>
        <pc:spChg chg="del mod ord">
          <ac:chgData name="Gail Cross" userId="9e0fbb2e9583deed" providerId="LiveId" clId="{A07FF165-3693-497D-A997-D009FB519B94}" dt="2021-04-14T17:04:44.235" v="48339" actId="478"/>
          <ac:spMkLst>
            <pc:docMk/>
            <pc:sldMk cId="1472395308" sldId="1093"/>
            <ac:spMk id="73" creationId="{AF0871D5-E5F2-4FB7-86F6-93825706AFFE}"/>
          </ac:spMkLst>
        </pc:spChg>
        <pc:spChg chg="mod ord">
          <ac:chgData name="Gail Cross" userId="9e0fbb2e9583deed" providerId="LiveId" clId="{A07FF165-3693-497D-A997-D009FB519B94}" dt="2021-04-14T17:06:58.916" v="57913" actId="1036"/>
          <ac:spMkLst>
            <pc:docMk/>
            <pc:sldMk cId="1472395308" sldId="1093"/>
            <ac:spMk id="74" creationId="{7731F183-3F3C-4F8C-B950-189649A36CAF}"/>
          </ac:spMkLst>
        </pc:spChg>
        <pc:spChg chg="mod">
          <ac:chgData name="Gail Cross" userId="9e0fbb2e9583deed" providerId="LiveId" clId="{A07FF165-3693-497D-A997-D009FB519B94}" dt="2021-04-14T17:06:58.916" v="57913" actId="1036"/>
          <ac:spMkLst>
            <pc:docMk/>
            <pc:sldMk cId="1472395308" sldId="1093"/>
            <ac:spMk id="75" creationId="{6ED9DEC8-76A8-415C-8BD6-AABE41FE5CC2}"/>
          </ac:spMkLst>
        </pc:spChg>
        <pc:spChg chg="mod">
          <ac:chgData name="Gail Cross" userId="9e0fbb2e9583deed" providerId="LiveId" clId="{A07FF165-3693-497D-A997-D009FB519B94}" dt="2021-04-14T17:06:49.404" v="57537"/>
          <ac:spMkLst>
            <pc:docMk/>
            <pc:sldMk cId="1472395308" sldId="1093"/>
            <ac:spMk id="76" creationId="{DCE6FF48-044B-4716-9230-3B381A72FEE4}"/>
          </ac:spMkLst>
        </pc:spChg>
        <pc:spChg chg="mod ord">
          <ac:chgData name="Gail Cross" userId="9e0fbb2e9583deed" providerId="LiveId" clId="{A07FF165-3693-497D-A997-D009FB519B94}" dt="2021-04-14T17:06:49.420" v="57638"/>
          <ac:spMkLst>
            <pc:docMk/>
            <pc:sldMk cId="1472395308" sldId="1093"/>
            <ac:spMk id="77" creationId="{9C50E80A-60D2-42A9-B416-A8D071D3BF93}"/>
          </ac:spMkLst>
        </pc:spChg>
        <pc:spChg chg="mod ord">
          <ac:chgData name="Gail Cross" userId="9e0fbb2e9583deed" providerId="LiveId" clId="{A07FF165-3693-497D-A997-D009FB519B94}" dt="2021-04-14T17:06:49.420" v="57640"/>
          <ac:spMkLst>
            <pc:docMk/>
            <pc:sldMk cId="1472395308" sldId="1093"/>
            <ac:spMk id="78" creationId="{CD9B91CE-D367-4C25-83BD-1A75EE63DA2A}"/>
          </ac:spMkLst>
        </pc:spChg>
        <pc:spChg chg="mod ord">
          <ac:chgData name="Gail Cross" userId="9e0fbb2e9583deed" providerId="LiveId" clId="{A07FF165-3693-497D-A997-D009FB519B94}" dt="2021-04-14T17:06:49.421" v="57642"/>
          <ac:spMkLst>
            <pc:docMk/>
            <pc:sldMk cId="1472395308" sldId="1093"/>
            <ac:spMk id="79" creationId="{37005543-D9A5-4D8A-8447-A576BA8A1DC3}"/>
          </ac:spMkLst>
        </pc:spChg>
        <pc:spChg chg="mod ord">
          <ac:chgData name="Gail Cross" userId="9e0fbb2e9583deed" providerId="LiveId" clId="{A07FF165-3693-497D-A997-D009FB519B94}" dt="2021-04-14T17:06:49.421" v="57644"/>
          <ac:spMkLst>
            <pc:docMk/>
            <pc:sldMk cId="1472395308" sldId="1093"/>
            <ac:spMk id="80" creationId="{1B3CA7D8-279E-421B-9949-7BCCCEF08841}"/>
          </ac:spMkLst>
        </pc:spChg>
        <pc:spChg chg="del mod ord">
          <ac:chgData name="Gail Cross" userId="9e0fbb2e9583deed" providerId="LiveId" clId="{A07FF165-3693-497D-A997-D009FB519B94}" dt="2021-04-14T17:04:46.819" v="49331" actId="478"/>
          <ac:spMkLst>
            <pc:docMk/>
            <pc:sldMk cId="1472395308" sldId="1093"/>
            <ac:spMk id="81" creationId="{1A1C372A-4BF0-45F7-A78E-12E5E7C7719E}"/>
          </ac:spMkLst>
        </pc:spChg>
        <pc:spChg chg="mod ord">
          <ac:chgData name="Gail Cross" userId="9e0fbb2e9583deed" providerId="LiveId" clId="{A07FF165-3693-497D-A997-D009FB519B94}" dt="2021-04-14T17:06:58.916" v="57913" actId="1036"/>
          <ac:spMkLst>
            <pc:docMk/>
            <pc:sldMk cId="1472395308" sldId="1093"/>
            <ac:spMk id="82" creationId="{FB5A4B9A-DA12-446C-9F58-D53BB5DE2CBF}"/>
          </ac:spMkLst>
        </pc:spChg>
        <pc:spChg chg="del">
          <ac:chgData name="Gail Cross" userId="9e0fbb2e9583deed" providerId="LiveId" clId="{A07FF165-3693-497D-A997-D009FB519B94}" dt="2021-04-14T16:50:56.741" v="41990"/>
          <ac:spMkLst>
            <pc:docMk/>
            <pc:sldMk cId="1472395308" sldId="1093"/>
            <ac:spMk id="83" creationId="{95591F96-19A0-4B6E-821E-AEB39C10FBA4}"/>
          </ac:spMkLst>
        </pc:spChg>
        <pc:spChg chg="del">
          <ac:chgData name="Gail Cross" userId="9e0fbb2e9583deed" providerId="LiveId" clId="{A07FF165-3693-497D-A997-D009FB519B94}" dt="2021-04-14T16:50:56.739" v="41983"/>
          <ac:spMkLst>
            <pc:docMk/>
            <pc:sldMk cId="1472395308" sldId="1093"/>
            <ac:spMk id="84" creationId="{6E907E35-9DBC-4D84-ACE6-A9528C46F0BC}"/>
          </ac:spMkLst>
        </pc:spChg>
        <pc:spChg chg="del">
          <ac:chgData name="Gail Cross" userId="9e0fbb2e9583deed" providerId="LiveId" clId="{A07FF165-3693-497D-A997-D009FB519B94}" dt="2021-04-14T16:50:56.740" v="41985"/>
          <ac:spMkLst>
            <pc:docMk/>
            <pc:sldMk cId="1472395308" sldId="1093"/>
            <ac:spMk id="85" creationId="{B141EDD8-ACB2-4548-8E93-9182F6F069F9}"/>
          </ac:spMkLst>
        </pc:spChg>
        <pc:spChg chg="add mod">
          <ac:chgData name="Gail Cross" userId="9e0fbb2e9583deed" providerId="LiveId" clId="{A07FF165-3693-497D-A997-D009FB519B94}" dt="2021-04-14T17:06:58.916" v="57913" actId="1036"/>
          <ac:spMkLst>
            <pc:docMk/>
            <pc:sldMk cId="1472395308" sldId="1093"/>
            <ac:spMk id="87" creationId="{52E44A85-E08B-417C-ABA0-E056731DBCE2}"/>
          </ac:spMkLst>
        </pc:spChg>
        <pc:spChg chg="add mod modVis">
          <ac:chgData name="Gail Cross" userId="9e0fbb2e9583deed" providerId="LiveId" clId="{A07FF165-3693-497D-A997-D009FB519B94}" dt="2021-04-14T17:06:49.408" v="57555"/>
          <ac:spMkLst>
            <pc:docMk/>
            <pc:sldMk cId="1472395308" sldId="1093"/>
            <ac:spMk id="88" creationId="{20F5E7E8-CE17-4ABB-BEB2-2911372EEA07}"/>
          </ac:spMkLst>
        </pc:spChg>
        <pc:spChg chg="add mod ord modVis">
          <ac:chgData name="Gail Cross" userId="9e0fbb2e9583deed" providerId="LiveId" clId="{A07FF165-3693-497D-A997-D009FB519B94}" dt="2021-04-14T17:06:49.442" v="57788"/>
          <ac:spMkLst>
            <pc:docMk/>
            <pc:sldMk cId="1472395308" sldId="1093"/>
            <ac:spMk id="89" creationId="{588DA010-F42D-497D-83E3-4D517679F0FA}"/>
          </ac:spMkLst>
        </pc:spChg>
        <pc:spChg chg="mod">
          <ac:chgData name="Gail Cross" userId="9e0fbb2e9583deed" providerId="LiveId" clId="{A07FF165-3693-497D-A997-D009FB519B94}" dt="2021-04-14T17:06:58.916" v="57913" actId="1036"/>
          <ac:spMkLst>
            <pc:docMk/>
            <pc:sldMk cId="1472395308" sldId="1093"/>
            <ac:spMk id="90" creationId="{FCE17072-28CE-426F-8331-4413EB0BBDCA}"/>
          </ac:spMkLst>
        </pc:spChg>
        <pc:spChg chg="mod">
          <ac:chgData name="Gail Cross" userId="9e0fbb2e9583deed" providerId="LiveId" clId="{A07FF165-3693-497D-A997-D009FB519B94}" dt="2021-04-14T17:06:49.404" v="57538"/>
          <ac:spMkLst>
            <pc:docMk/>
            <pc:sldMk cId="1472395308" sldId="1093"/>
            <ac:spMk id="91" creationId="{90587021-C1ED-4F84-8C38-C95E77EA7E70}"/>
          </ac:spMkLst>
        </pc:spChg>
        <pc:spChg chg="mod ord">
          <ac:chgData name="Gail Cross" userId="9e0fbb2e9583deed" providerId="LiveId" clId="{A07FF165-3693-497D-A997-D009FB519B94}" dt="2021-04-14T17:06:49.422" v="57648"/>
          <ac:spMkLst>
            <pc:docMk/>
            <pc:sldMk cId="1472395308" sldId="1093"/>
            <ac:spMk id="92" creationId="{B6837574-7719-41EC-AFC7-8EACB12F1F22}"/>
          </ac:spMkLst>
        </pc:spChg>
        <pc:spChg chg="mod ord">
          <ac:chgData name="Gail Cross" userId="9e0fbb2e9583deed" providerId="LiveId" clId="{A07FF165-3693-497D-A997-D009FB519B94}" dt="2021-04-14T17:06:49.422" v="57650"/>
          <ac:spMkLst>
            <pc:docMk/>
            <pc:sldMk cId="1472395308" sldId="1093"/>
            <ac:spMk id="93" creationId="{722C49EA-CCDC-4A2F-B393-0D88149A5586}"/>
          </ac:spMkLst>
        </pc:spChg>
        <pc:spChg chg="mod ord">
          <ac:chgData name="Gail Cross" userId="9e0fbb2e9583deed" providerId="LiveId" clId="{A07FF165-3693-497D-A997-D009FB519B94}" dt="2021-04-14T17:06:49.422" v="57652"/>
          <ac:spMkLst>
            <pc:docMk/>
            <pc:sldMk cId="1472395308" sldId="1093"/>
            <ac:spMk id="94" creationId="{143745F3-80EE-4D25-833F-8639E1AB8879}"/>
          </ac:spMkLst>
        </pc:spChg>
        <pc:spChg chg="mod ord">
          <ac:chgData name="Gail Cross" userId="9e0fbb2e9583deed" providerId="LiveId" clId="{A07FF165-3693-497D-A997-D009FB519B94}" dt="2021-04-14T17:06:49.422" v="57654"/>
          <ac:spMkLst>
            <pc:docMk/>
            <pc:sldMk cId="1472395308" sldId="1093"/>
            <ac:spMk id="95" creationId="{1F02630D-9A92-49AE-9CD4-FEB5E070D31E}"/>
          </ac:spMkLst>
        </pc:spChg>
        <pc:spChg chg="del mod ord">
          <ac:chgData name="Gail Cross" userId="9e0fbb2e9583deed" providerId="LiveId" clId="{A07FF165-3693-497D-A997-D009FB519B94}" dt="2021-04-14T17:04:50.424" v="50235" actId="478"/>
          <ac:spMkLst>
            <pc:docMk/>
            <pc:sldMk cId="1472395308" sldId="1093"/>
            <ac:spMk id="96" creationId="{2A1EC73C-5FEC-43B6-B908-96D88E171993}"/>
          </ac:spMkLst>
        </pc:spChg>
        <pc:spChg chg="mod ord">
          <ac:chgData name="Gail Cross" userId="9e0fbb2e9583deed" providerId="LiveId" clId="{A07FF165-3693-497D-A997-D009FB519B94}" dt="2021-04-14T17:06:58.916" v="57913" actId="1036"/>
          <ac:spMkLst>
            <pc:docMk/>
            <pc:sldMk cId="1472395308" sldId="1093"/>
            <ac:spMk id="97" creationId="{ED05E944-E911-44CD-9737-4E622FA6723B}"/>
          </ac:spMkLst>
        </pc:spChg>
        <pc:spChg chg="add mod ord modVis">
          <ac:chgData name="Gail Cross" userId="9e0fbb2e9583deed" providerId="LiveId" clId="{A07FF165-3693-497D-A997-D009FB519B94}" dt="2021-04-14T17:06:49.442" v="57790"/>
          <ac:spMkLst>
            <pc:docMk/>
            <pc:sldMk cId="1472395308" sldId="1093"/>
            <ac:spMk id="98" creationId="{18BA1904-8CD8-4631-AC3E-663D9DA8A69C}"/>
          </ac:spMkLst>
        </pc:spChg>
        <pc:spChg chg="add mod ord modVis">
          <ac:chgData name="Gail Cross" userId="9e0fbb2e9583deed" providerId="LiveId" clId="{A07FF165-3693-497D-A997-D009FB519B94}" dt="2021-04-14T17:06:49.442" v="57792"/>
          <ac:spMkLst>
            <pc:docMk/>
            <pc:sldMk cId="1472395308" sldId="1093"/>
            <ac:spMk id="99" creationId="{35E25F86-B624-45C7-BA67-6E1132EBEB30}"/>
          </ac:spMkLst>
        </pc:spChg>
        <pc:spChg chg="add mod ord modVis">
          <ac:chgData name="Gail Cross" userId="9e0fbb2e9583deed" providerId="LiveId" clId="{A07FF165-3693-497D-A997-D009FB519B94}" dt="2021-04-14T17:06:49.442" v="57794"/>
          <ac:spMkLst>
            <pc:docMk/>
            <pc:sldMk cId="1472395308" sldId="1093"/>
            <ac:spMk id="100" creationId="{D75A38C6-2EF4-4168-999B-08334E60C149}"/>
          </ac:spMkLst>
        </pc:spChg>
        <pc:spChg chg="add mod ord">
          <ac:chgData name="Gail Cross" userId="9e0fbb2e9583deed" providerId="LiveId" clId="{A07FF165-3693-497D-A997-D009FB519B94}" dt="2021-04-14T17:06:58.916" v="57913" actId="1036"/>
          <ac:spMkLst>
            <pc:docMk/>
            <pc:sldMk cId="1472395308" sldId="1093"/>
            <ac:spMk id="101" creationId="{204F166D-8730-46C7-A94B-BD267A42C451}"/>
          </ac:spMkLst>
        </pc:spChg>
        <pc:spChg chg="add mod ord">
          <ac:chgData name="Gail Cross" userId="9e0fbb2e9583deed" providerId="LiveId" clId="{A07FF165-3693-497D-A997-D009FB519B94}" dt="2021-04-14T17:06:58.916" v="57913" actId="1036"/>
          <ac:spMkLst>
            <pc:docMk/>
            <pc:sldMk cId="1472395308" sldId="1093"/>
            <ac:spMk id="102" creationId="{008AF234-BD25-4E69-988B-49943011FF72}"/>
          </ac:spMkLst>
        </pc:spChg>
        <pc:spChg chg="add mod">
          <ac:chgData name="Gail Cross" userId="9e0fbb2e9583deed" providerId="LiveId" clId="{A07FF165-3693-497D-A997-D009FB519B94}" dt="2021-04-14T17:06:58.916" v="57913" actId="1036"/>
          <ac:spMkLst>
            <pc:docMk/>
            <pc:sldMk cId="1472395308" sldId="1093"/>
            <ac:spMk id="103" creationId="{FCE6A1F7-05FB-46AF-B810-67A2F0F9E9C8}"/>
          </ac:spMkLst>
        </pc:spChg>
        <pc:spChg chg="del">
          <ac:chgData name="Gail Cross" userId="9e0fbb2e9583deed" providerId="LiveId" clId="{A07FF165-3693-497D-A997-D009FB519B94}" dt="2021-04-14T16:50:56.741" v="41991"/>
          <ac:spMkLst>
            <pc:docMk/>
            <pc:sldMk cId="1472395308" sldId="1093"/>
            <ac:spMk id="104" creationId="{E6DCC196-3F7F-4A39-B6E1-3D30CBA6C9B8}"/>
          </ac:spMkLst>
        </pc:spChg>
        <pc:spChg chg="del">
          <ac:chgData name="Gail Cross" userId="9e0fbb2e9583deed" providerId="LiveId" clId="{A07FF165-3693-497D-A997-D009FB519B94}" dt="2021-04-14T16:50:56.740" v="41987"/>
          <ac:spMkLst>
            <pc:docMk/>
            <pc:sldMk cId="1472395308" sldId="1093"/>
            <ac:spMk id="105" creationId="{698C7F69-3945-4E64-9613-8881BF352875}"/>
          </ac:spMkLst>
        </pc:spChg>
        <pc:spChg chg="del">
          <ac:chgData name="Gail Cross" userId="9e0fbb2e9583deed" providerId="LiveId" clId="{A07FF165-3693-497D-A997-D009FB519B94}" dt="2021-04-14T16:50:56.740" v="41989"/>
          <ac:spMkLst>
            <pc:docMk/>
            <pc:sldMk cId="1472395308" sldId="1093"/>
            <ac:spMk id="106" creationId="{9D6B9F1D-809B-42D9-ABEB-4F45ED6DCEEF}"/>
          </ac:spMkLst>
        </pc:spChg>
        <pc:spChg chg="mod">
          <ac:chgData name="Gail Cross" userId="9e0fbb2e9583deed" providerId="LiveId" clId="{A07FF165-3693-497D-A997-D009FB519B94}" dt="2021-04-14T17:06:58.916" v="57913" actId="1036"/>
          <ac:spMkLst>
            <pc:docMk/>
            <pc:sldMk cId="1472395308" sldId="1093"/>
            <ac:spMk id="107" creationId="{48C6F465-8D89-4935-A42C-0438C6D94242}"/>
          </ac:spMkLst>
        </pc:spChg>
        <pc:spChg chg="mod">
          <ac:chgData name="Gail Cross" userId="9e0fbb2e9583deed" providerId="LiveId" clId="{A07FF165-3693-497D-A997-D009FB519B94}" dt="2021-04-14T17:06:58.916" v="57913" actId="1036"/>
          <ac:spMkLst>
            <pc:docMk/>
            <pc:sldMk cId="1472395308" sldId="1093"/>
            <ac:spMk id="108" creationId="{D35E7788-88C7-4BB1-A3FD-85BE788F99FB}"/>
          </ac:spMkLst>
        </pc:spChg>
        <pc:spChg chg="mod ord">
          <ac:chgData name="Gail Cross" userId="9e0fbb2e9583deed" providerId="LiveId" clId="{A07FF165-3693-497D-A997-D009FB519B94}" dt="2021-04-14T17:06:58.916" v="57913" actId="1036"/>
          <ac:spMkLst>
            <pc:docMk/>
            <pc:sldMk cId="1472395308" sldId="1093"/>
            <ac:spMk id="109" creationId="{DB543D4B-8300-4EAE-B072-87BA23550F69}"/>
          </ac:spMkLst>
        </pc:spChg>
        <pc:spChg chg="mod">
          <ac:chgData name="Gail Cross" userId="9e0fbb2e9583deed" providerId="LiveId" clId="{A07FF165-3693-497D-A997-D009FB519B94}" dt="2021-04-14T17:06:58.916" v="57913" actId="1036"/>
          <ac:spMkLst>
            <pc:docMk/>
            <pc:sldMk cId="1472395308" sldId="1093"/>
            <ac:spMk id="110" creationId="{789C95BA-82BF-4604-8333-1609ED6D7331}"/>
          </ac:spMkLst>
        </pc:spChg>
        <pc:spChg chg="mod">
          <ac:chgData name="Gail Cross" userId="9e0fbb2e9583deed" providerId="LiveId" clId="{A07FF165-3693-497D-A997-D009FB519B94}" dt="2021-04-14T17:06:49.404" v="57539"/>
          <ac:spMkLst>
            <pc:docMk/>
            <pc:sldMk cId="1472395308" sldId="1093"/>
            <ac:spMk id="111" creationId="{0085623E-13C1-40D3-856D-CB1EA33B9EE7}"/>
          </ac:spMkLst>
        </pc:spChg>
        <pc:spChg chg="mod ord">
          <ac:chgData name="Gail Cross" userId="9e0fbb2e9583deed" providerId="LiveId" clId="{A07FF165-3693-497D-A997-D009FB519B94}" dt="2021-04-14T17:06:49.423" v="57658"/>
          <ac:spMkLst>
            <pc:docMk/>
            <pc:sldMk cId="1472395308" sldId="1093"/>
            <ac:spMk id="112" creationId="{885B9460-C13F-45B9-AB9C-971C20CAF647}"/>
          </ac:spMkLst>
        </pc:spChg>
        <pc:spChg chg="mod ord">
          <ac:chgData name="Gail Cross" userId="9e0fbb2e9583deed" providerId="LiveId" clId="{A07FF165-3693-497D-A997-D009FB519B94}" dt="2021-04-14T17:06:49.423" v="57660"/>
          <ac:spMkLst>
            <pc:docMk/>
            <pc:sldMk cId="1472395308" sldId="1093"/>
            <ac:spMk id="113" creationId="{C2E1B54F-B840-4F70-BF75-17280F6D01CC}"/>
          </ac:spMkLst>
        </pc:spChg>
        <pc:spChg chg="mod ord">
          <ac:chgData name="Gail Cross" userId="9e0fbb2e9583deed" providerId="LiveId" clId="{A07FF165-3693-497D-A997-D009FB519B94}" dt="2021-04-14T17:06:49.424" v="57662"/>
          <ac:spMkLst>
            <pc:docMk/>
            <pc:sldMk cId="1472395308" sldId="1093"/>
            <ac:spMk id="114" creationId="{2E19A3C6-C05A-4925-BCFE-674402371CF2}"/>
          </ac:spMkLst>
        </pc:spChg>
        <pc:spChg chg="mod ord">
          <ac:chgData name="Gail Cross" userId="9e0fbb2e9583deed" providerId="LiveId" clId="{A07FF165-3693-497D-A997-D009FB519B94}" dt="2021-04-14T17:06:49.424" v="57664"/>
          <ac:spMkLst>
            <pc:docMk/>
            <pc:sldMk cId="1472395308" sldId="1093"/>
            <ac:spMk id="115" creationId="{BD3F3C62-D8A3-4864-AFFC-B40B9A2B7C84}"/>
          </ac:spMkLst>
        </pc:spChg>
        <pc:spChg chg="del mod ord">
          <ac:chgData name="Gail Cross" userId="9e0fbb2e9583deed" providerId="LiveId" clId="{A07FF165-3693-497D-A997-D009FB519B94}" dt="2021-04-14T17:05:03.578" v="52949" actId="478"/>
          <ac:spMkLst>
            <pc:docMk/>
            <pc:sldMk cId="1472395308" sldId="1093"/>
            <ac:spMk id="116" creationId="{5EAEDA30-61CF-4250-89B2-442CE4983374}"/>
          </ac:spMkLst>
        </pc:spChg>
        <pc:spChg chg="mod ord">
          <ac:chgData name="Gail Cross" userId="9e0fbb2e9583deed" providerId="LiveId" clId="{A07FF165-3693-497D-A997-D009FB519B94}" dt="2021-04-14T17:06:58.916" v="57913" actId="1036"/>
          <ac:spMkLst>
            <pc:docMk/>
            <pc:sldMk cId="1472395308" sldId="1093"/>
            <ac:spMk id="117" creationId="{8E3A1964-0012-4143-932B-4079AC4BB7F9}"/>
          </ac:spMkLst>
        </pc:spChg>
        <pc:spChg chg="add mod modVis">
          <ac:chgData name="Gail Cross" userId="9e0fbb2e9583deed" providerId="LiveId" clId="{A07FF165-3693-497D-A997-D009FB519B94}" dt="2021-04-14T17:06:49.408" v="57556"/>
          <ac:spMkLst>
            <pc:docMk/>
            <pc:sldMk cId="1472395308" sldId="1093"/>
            <ac:spMk id="118" creationId="{5368B84B-F4C0-4A07-BBE8-43A0BF5F0740}"/>
          </ac:spMkLst>
        </pc:spChg>
        <pc:spChg chg="add mod ord modVis">
          <ac:chgData name="Gail Cross" userId="9e0fbb2e9583deed" providerId="LiveId" clId="{A07FF165-3693-497D-A997-D009FB519B94}" dt="2021-04-14T17:06:49.443" v="57800"/>
          <ac:spMkLst>
            <pc:docMk/>
            <pc:sldMk cId="1472395308" sldId="1093"/>
            <ac:spMk id="119" creationId="{162A0E82-925E-42E2-BCF9-F0D6BBB209E7}"/>
          </ac:spMkLst>
        </pc:spChg>
        <pc:spChg chg="add mod ord modVis">
          <ac:chgData name="Gail Cross" userId="9e0fbb2e9583deed" providerId="LiveId" clId="{A07FF165-3693-497D-A997-D009FB519B94}" dt="2021-04-14T17:06:49.444" v="57802"/>
          <ac:spMkLst>
            <pc:docMk/>
            <pc:sldMk cId="1472395308" sldId="1093"/>
            <ac:spMk id="120" creationId="{C0DE1600-4B62-46A8-BC62-F9DCAF1DAE98}"/>
          </ac:spMkLst>
        </pc:spChg>
        <pc:spChg chg="add mod ord modVis">
          <ac:chgData name="Gail Cross" userId="9e0fbb2e9583deed" providerId="LiveId" clId="{A07FF165-3693-497D-A997-D009FB519B94}" dt="2021-04-14T17:06:49.444" v="57804"/>
          <ac:spMkLst>
            <pc:docMk/>
            <pc:sldMk cId="1472395308" sldId="1093"/>
            <ac:spMk id="121" creationId="{5FE1E248-CFE0-4C96-970B-0B683FF09F30}"/>
          </ac:spMkLst>
        </pc:spChg>
        <pc:spChg chg="mod">
          <ac:chgData name="Gail Cross" userId="9e0fbb2e9583deed" providerId="LiveId" clId="{A07FF165-3693-497D-A997-D009FB519B94}" dt="2021-04-14T17:06:58.916" v="57913" actId="1036"/>
          <ac:spMkLst>
            <pc:docMk/>
            <pc:sldMk cId="1472395308" sldId="1093"/>
            <ac:spMk id="122" creationId="{7E91DA73-458B-4C00-A75D-70F61027723C}"/>
          </ac:spMkLst>
        </pc:spChg>
        <pc:spChg chg="mod">
          <ac:chgData name="Gail Cross" userId="9e0fbb2e9583deed" providerId="LiveId" clId="{A07FF165-3693-497D-A997-D009FB519B94}" dt="2021-04-14T17:06:49.405" v="57540"/>
          <ac:spMkLst>
            <pc:docMk/>
            <pc:sldMk cId="1472395308" sldId="1093"/>
            <ac:spMk id="123" creationId="{C8E97F63-3FB7-45AB-B36A-69FC9633DFC5}"/>
          </ac:spMkLst>
        </pc:spChg>
        <pc:spChg chg="mod ord">
          <ac:chgData name="Gail Cross" userId="9e0fbb2e9583deed" providerId="LiveId" clId="{A07FF165-3693-497D-A997-D009FB519B94}" dt="2021-04-14T17:06:49.424" v="57668"/>
          <ac:spMkLst>
            <pc:docMk/>
            <pc:sldMk cId="1472395308" sldId="1093"/>
            <ac:spMk id="124" creationId="{3E5BC7C2-EEF6-439A-BF39-491C902B4BBD}"/>
          </ac:spMkLst>
        </pc:spChg>
        <pc:spChg chg="mod ord">
          <ac:chgData name="Gail Cross" userId="9e0fbb2e9583deed" providerId="LiveId" clId="{A07FF165-3693-497D-A997-D009FB519B94}" dt="2021-04-14T17:06:49.425" v="57670"/>
          <ac:spMkLst>
            <pc:docMk/>
            <pc:sldMk cId="1472395308" sldId="1093"/>
            <ac:spMk id="125" creationId="{9E9B2589-2017-4A86-A0AB-D35232F89D9A}"/>
          </ac:spMkLst>
        </pc:spChg>
        <pc:spChg chg="mod ord">
          <ac:chgData name="Gail Cross" userId="9e0fbb2e9583deed" providerId="LiveId" clId="{A07FF165-3693-497D-A997-D009FB519B94}" dt="2021-04-14T17:06:49.425" v="57672"/>
          <ac:spMkLst>
            <pc:docMk/>
            <pc:sldMk cId="1472395308" sldId="1093"/>
            <ac:spMk id="126" creationId="{642D36B1-5F56-416C-A8B5-42A74939704C}"/>
          </ac:spMkLst>
        </pc:spChg>
        <pc:spChg chg="mod ord">
          <ac:chgData name="Gail Cross" userId="9e0fbb2e9583deed" providerId="LiveId" clId="{A07FF165-3693-497D-A997-D009FB519B94}" dt="2021-04-14T17:06:49.425" v="57674"/>
          <ac:spMkLst>
            <pc:docMk/>
            <pc:sldMk cId="1472395308" sldId="1093"/>
            <ac:spMk id="127" creationId="{143BA9AE-7A02-43B3-AE31-6E0333490140}"/>
          </ac:spMkLst>
        </pc:spChg>
        <pc:spChg chg="del mod ord">
          <ac:chgData name="Gail Cross" userId="9e0fbb2e9583deed" providerId="LiveId" clId="{A07FF165-3693-497D-A997-D009FB519B94}" dt="2021-04-14T17:05:05.500" v="52950" actId="478"/>
          <ac:spMkLst>
            <pc:docMk/>
            <pc:sldMk cId="1472395308" sldId="1093"/>
            <ac:spMk id="128" creationId="{EDC4EF8D-EEA7-404A-98E4-721587278524}"/>
          </ac:spMkLst>
        </pc:spChg>
        <pc:spChg chg="mod ord">
          <ac:chgData name="Gail Cross" userId="9e0fbb2e9583deed" providerId="LiveId" clId="{A07FF165-3693-497D-A997-D009FB519B94}" dt="2021-04-14T17:06:58.916" v="57913" actId="1036"/>
          <ac:spMkLst>
            <pc:docMk/>
            <pc:sldMk cId="1472395308" sldId="1093"/>
            <ac:spMk id="129" creationId="{FF53F67F-6AE1-4DFF-B8ED-74F5E94E58EA}"/>
          </ac:spMkLst>
        </pc:spChg>
        <pc:spChg chg="mod">
          <ac:chgData name="Gail Cross" userId="9e0fbb2e9583deed" providerId="LiveId" clId="{A07FF165-3693-497D-A997-D009FB519B94}" dt="2021-04-14T17:06:58.916" v="57913" actId="1036"/>
          <ac:spMkLst>
            <pc:docMk/>
            <pc:sldMk cId="1472395308" sldId="1093"/>
            <ac:spMk id="130" creationId="{334F9A44-0F65-4F19-AA31-3013749EB133}"/>
          </ac:spMkLst>
        </pc:spChg>
        <pc:spChg chg="mod">
          <ac:chgData name="Gail Cross" userId="9e0fbb2e9583deed" providerId="LiveId" clId="{A07FF165-3693-497D-A997-D009FB519B94}" dt="2021-04-14T17:06:49.405" v="57541"/>
          <ac:spMkLst>
            <pc:docMk/>
            <pc:sldMk cId="1472395308" sldId="1093"/>
            <ac:spMk id="131" creationId="{CDFC8188-883C-46AC-AD80-3F0442C7FDD0}"/>
          </ac:spMkLst>
        </pc:spChg>
        <pc:spChg chg="mod ord">
          <ac:chgData name="Gail Cross" userId="9e0fbb2e9583deed" providerId="LiveId" clId="{A07FF165-3693-497D-A997-D009FB519B94}" dt="2021-04-14T17:06:49.426" v="57678"/>
          <ac:spMkLst>
            <pc:docMk/>
            <pc:sldMk cId="1472395308" sldId="1093"/>
            <ac:spMk id="132" creationId="{FA6F7C9B-4D50-4102-A5FE-367A458596BE}"/>
          </ac:spMkLst>
        </pc:spChg>
        <pc:spChg chg="mod ord">
          <ac:chgData name="Gail Cross" userId="9e0fbb2e9583deed" providerId="LiveId" clId="{A07FF165-3693-497D-A997-D009FB519B94}" dt="2021-04-14T17:06:49.426" v="57680"/>
          <ac:spMkLst>
            <pc:docMk/>
            <pc:sldMk cId="1472395308" sldId="1093"/>
            <ac:spMk id="133" creationId="{D315E853-E335-4A55-9DA1-591740886DA9}"/>
          </ac:spMkLst>
        </pc:spChg>
        <pc:spChg chg="mod ord">
          <ac:chgData name="Gail Cross" userId="9e0fbb2e9583deed" providerId="LiveId" clId="{A07FF165-3693-497D-A997-D009FB519B94}" dt="2021-04-14T17:06:49.426" v="57682"/>
          <ac:spMkLst>
            <pc:docMk/>
            <pc:sldMk cId="1472395308" sldId="1093"/>
            <ac:spMk id="134" creationId="{ABC3E66D-5F50-4164-BC3C-F61AA918ADE0}"/>
          </ac:spMkLst>
        </pc:spChg>
        <pc:spChg chg="mod ord">
          <ac:chgData name="Gail Cross" userId="9e0fbb2e9583deed" providerId="LiveId" clId="{A07FF165-3693-497D-A997-D009FB519B94}" dt="2021-04-14T17:06:49.427" v="57684"/>
          <ac:spMkLst>
            <pc:docMk/>
            <pc:sldMk cId="1472395308" sldId="1093"/>
            <ac:spMk id="135" creationId="{60CD6C5B-2FF4-4C89-80CA-481CB71F9583}"/>
          </ac:spMkLst>
        </pc:spChg>
        <pc:spChg chg="del mod ord">
          <ac:chgData name="Gail Cross" userId="9e0fbb2e9583deed" providerId="LiveId" clId="{A07FF165-3693-497D-A997-D009FB519B94}" dt="2021-04-14T17:04:54.754" v="51149" actId="478"/>
          <ac:spMkLst>
            <pc:docMk/>
            <pc:sldMk cId="1472395308" sldId="1093"/>
            <ac:spMk id="136" creationId="{FA3681B6-4550-45E3-929B-25C97CD8DB33}"/>
          </ac:spMkLst>
        </pc:spChg>
        <pc:spChg chg="mod ord">
          <ac:chgData name="Gail Cross" userId="9e0fbb2e9583deed" providerId="LiveId" clId="{A07FF165-3693-497D-A997-D009FB519B94}" dt="2021-04-14T17:06:58.916" v="57913" actId="1036"/>
          <ac:spMkLst>
            <pc:docMk/>
            <pc:sldMk cId="1472395308" sldId="1093"/>
            <ac:spMk id="137" creationId="{078DCCA6-F19A-4719-AFF8-FDB157415D29}"/>
          </ac:spMkLst>
        </pc:spChg>
        <pc:spChg chg="add mod ord modVis">
          <ac:chgData name="Gail Cross" userId="9e0fbb2e9583deed" providerId="LiveId" clId="{A07FF165-3693-497D-A997-D009FB519B94}" dt="2021-04-14T17:06:49.444" v="57806"/>
          <ac:spMkLst>
            <pc:docMk/>
            <pc:sldMk cId="1472395308" sldId="1093"/>
            <ac:spMk id="138" creationId="{C79D4B48-0033-4780-BF73-741D0B56538C}"/>
          </ac:spMkLst>
        </pc:spChg>
        <pc:spChg chg="del mod ord">
          <ac:chgData name="Gail Cross" userId="9e0fbb2e9583deed" providerId="LiveId" clId="{A07FF165-3693-497D-A997-D009FB519B94}" dt="2021-04-14T17:05:09.757" v="52952" actId="478"/>
          <ac:spMkLst>
            <pc:docMk/>
            <pc:sldMk cId="1472395308" sldId="1093"/>
            <ac:spMk id="139" creationId="{D8680B12-B9AE-4F1C-AA87-24AE8915AB84}"/>
          </ac:spMkLst>
        </pc:spChg>
        <pc:spChg chg="del mod ord">
          <ac:chgData name="Gail Cross" userId="9e0fbb2e9583deed" providerId="LiveId" clId="{A07FF165-3693-497D-A997-D009FB519B94}" dt="2021-04-14T17:05:11.955" v="52953" actId="478"/>
          <ac:spMkLst>
            <pc:docMk/>
            <pc:sldMk cId="1472395308" sldId="1093"/>
            <ac:spMk id="140" creationId="{39783768-F44A-4C15-A808-E4B354D2E9C7}"/>
          </ac:spMkLst>
        </pc:spChg>
        <pc:spChg chg="mod">
          <ac:chgData name="Gail Cross" userId="9e0fbb2e9583deed" providerId="LiveId" clId="{A07FF165-3693-497D-A997-D009FB519B94}" dt="2021-04-14T17:06:58.916" v="57913" actId="1036"/>
          <ac:spMkLst>
            <pc:docMk/>
            <pc:sldMk cId="1472395308" sldId="1093"/>
            <ac:spMk id="141" creationId="{472B7583-B43C-4BD4-9CB9-062DD4FDC735}"/>
          </ac:spMkLst>
        </pc:spChg>
        <pc:spChg chg="mod">
          <ac:chgData name="Gail Cross" userId="9e0fbb2e9583deed" providerId="LiveId" clId="{A07FF165-3693-497D-A997-D009FB519B94}" dt="2021-04-14T17:06:58.916" v="57913" actId="1036"/>
          <ac:spMkLst>
            <pc:docMk/>
            <pc:sldMk cId="1472395308" sldId="1093"/>
            <ac:spMk id="142" creationId="{1A47E860-3BCC-458F-94A3-3DF70C4E33A2}"/>
          </ac:spMkLst>
        </pc:spChg>
        <pc:spChg chg="mod ord">
          <ac:chgData name="Gail Cross" userId="9e0fbb2e9583deed" providerId="LiveId" clId="{A07FF165-3693-497D-A997-D009FB519B94}" dt="2021-04-14T17:06:58.916" v="57913" actId="1036"/>
          <ac:spMkLst>
            <pc:docMk/>
            <pc:sldMk cId="1472395308" sldId="1093"/>
            <ac:spMk id="143" creationId="{6BD112A9-0BF1-4EE0-A885-1192968398C2}"/>
          </ac:spMkLst>
        </pc:spChg>
        <pc:spChg chg="mod">
          <ac:chgData name="Gail Cross" userId="9e0fbb2e9583deed" providerId="LiveId" clId="{A07FF165-3693-497D-A997-D009FB519B94}" dt="2021-04-14T17:06:58.916" v="57913" actId="1036"/>
          <ac:spMkLst>
            <pc:docMk/>
            <pc:sldMk cId="1472395308" sldId="1093"/>
            <ac:spMk id="144" creationId="{5CADBB6B-958A-4691-97B9-6DD1D3DBA65A}"/>
          </ac:spMkLst>
        </pc:spChg>
        <pc:spChg chg="mod">
          <ac:chgData name="Gail Cross" userId="9e0fbb2e9583deed" providerId="LiveId" clId="{A07FF165-3693-497D-A997-D009FB519B94}" dt="2021-04-14T17:06:49.405" v="57542"/>
          <ac:spMkLst>
            <pc:docMk/>
            <pc:sldMk cId="1472395308" sldId="1093"/>
            <ac:spMk id="145" creationId="{E3DBB34C-CD67-470B-A928-35148EF3FB6A}"/>
          </ac:spMkLst>
        </pc:spChg>
        <pc:spChg chg="mod ord">
          <ac:chgData name="Gail Cross" userId="9e0fbb2e9583deed" providerId="LiveId" clId="{A07FF165-3693-497D-A997-D009FB519B94}" dt="2021-04-14T17:06:49.427" v="57688"/>
          <ac:spMkLst>
            <pc:docMk/>
            <pc:sldMk cId="1472395308" sldId="1093"/>
            <ac:spMk id="146" creationId="{2181B6A7-BA92-4E19-BBB0-D20F3C56F46D}"/>
          </ac:spMkLst>
        </pc:spChg>
        <pc:spChg chg="mod ord">
          <ac:chgData name="Gail Cross" userId="9e0fbb2e9583deed" providerId="LiveId" clId="{A07FF165-3693-497D-A997-D009FB519B94}" dt="2021-04-14T17:06:49.428" v="57690"/>
          <ac:spMkLst>
            <pc:docMk/>
            <pc:sldMk cId="1472395308" sldId="1093"/>
            <ac:spMk id="147" creationId="{FD6D30AE-11E3-4DE8-8261-BCEB525A7DAA}"/>
          </ac:spMkLst>
        </pc:spChg>
        <pc:spChg chg="mod ord">
          <ac:chgData name="Gail Cross" userId="9e0fbb2e9583deed" providerId="LiveId" clId="{A07FF165-3693-497D-A997-D009FB519B94}" dt="2021-04-14T17:06:49.428" v="57692"/>
          <ac:spMkLst>
            <pc:docMk/>
            <pc:sldMk cId="1472395308" sldId="1093"/>
            <ac:spMk id="148" creationId="{E1A4B8D6-2C23-4B5A-8411-5887286049F1}"/>
          </ac:spMkLst>
        </pc:spChg>
        <pc:spChg chg="mod ord">
          <ac:chgData name="Gail Cross" userId="9e0fbb2e9583deed" providerId="LiveId" clId="{A07FF165-3693-497D-A997-D009FB519B94}" dt="2021-04-14T17:06:49.428" v="57694"/>
          <ac:spMkLst>
            <pc:docMk/>
            <pc:sldMk cId="1472395308" sldId="1093"/>
            <ac:spMk id="149" creationId="{AC586B27-6215-498B-B226-205254CFDFAB}"/>
          </ac:spMkLst>
        </pc:spChg>
        <pc:spChg chg="del mod ord">
          <ac:chgData name="Gail Cross" userId="9e0fbb2e9583deed" providerId="LiveId" clId="{A07FF165-3693-497D-A997-D009FB519B94}" dt="2021-04-14T17:05:21.596" v="53886" actId="478"/>
          <ac:spMkLst>
            <pc:docMk/>
            <pc:sldMk cId="1472395308" sldId="1093"/>
            <ac:spMk id="150" creationId="{8719BD19-E6E0-49A5-9475-605F4B9482FA}"/>
          </ac:spMkLst>
        </pc:spChg>
        <pc:spChg chg="mod ord">
          <ac:chgData name="Gail Cross" userId="9e0fbb2e9583deed" providerId="LiveId" clId="{A07FF165-3693-497D-A997-D009FB519B94}" dt="2021-04-14T17:06:58.916" v="57913" actId="1036"/>
          <ac:spMkLst>
            <pc:docMk/>
            <pc:sldMk cId="1472395308" sldId="1093"/>
            <ac:spMk id="151" creationId="{E07BAF1F-C58C-4312-8192-8C35C35993F1}"/>
          </ac:spMkLst>
        </pc:spChg>
        <pc:spChg chg="mod">
          <ac:chgData name="Gail Cross" userId="9e0fbb2e9583deed" providerId="LiveId" clId="{A07FF165-3693-497D-A997-D009FB519B94}" dt="2021-04-14T17:06:58.916" v="57913" actId="1036"/>
          <ac:spMkLst>
            <pc:docMk/>
            <pc:sldMk cId="1472395308" sldId="1093"/>
            <ac:spMk id="152" creationId="{F14033BB-FAAA-41A4-AF80-273A3DF07CFF}"/>
          </ac:spMkLst>
        </pc:spChg>
        <pc:spChg chg="mod">
          <ac:chgData name="Gail Cross" userId="9e0fbb2e9583deed" providerId="LiveId" clId="{A07FF165-3693-497D-A997-D009FB519B94}" dt="2021-04-14T17:06:49.405" v="57543"/>
          <ac:spMkLst>
            <pc:docMk/>
            <pc:sldMk cId="1472395308" sldId="1093"/>
            <ac:spMk id="153" creationId="{F62C1FFE-AE99-4E77-B0EF-FB38343867AB}"/>
          </ac:spMkLst>
        </pc:spChg>
        <pc:spChg chg="mod ord">
          <ac:chgData name="Gail Cross" userId="9e0fbb2e9583deed" providerId="LiveId" clId="{A07FF165-3693-497D-A997-D009FB519B94}" dt="2021-04-14T17:06:49.429" v="57698"/>
          <ac:spMkLst>
            <pc:docMk/>
            <pc:sldMk cId="1472395308" sldId="1093"/>
            <ac:spMk id="154" creationId="{EDB3BEA7-DBEB-4C49-B7F6-FF6FCC1F5749}"/>
          </ac:spMkLst>
        </pc:spChg>
        <pc:spChg chg="mod ord">
          <ac:chgData name="Gail Cross" userId="9e0fbb2e9583deed" providerId="LiveId" clId="{A07FF165-3693-497D-A997-D009FB519B94}" dt="2021-04-14T17:06:49.429" v="57700"/>
          <ac:spMkLst>
            <pc:docMk/>
            <pc:sldMk cId="1472395308" sldId="1093"/>
            <ac:spMk id="155" creationId="{1BB71A5D-C770-410F-A33A-3DF73E477328}"/>
          </ac:spMkLst>
        </pc:spChg>
        <pc:spChg chg="mod ord">
          <ac:chgData name="Gail Cross" userId="9e0fbb2e9583deed" providerId="LiveId" clId="{A07FF165-3693-497D-A997-D009FB519B94}" dt="2021-04-14T17:06:49.429" v="57702"/>
          <ac:spMkLst>
            <pc:docMk/>
            <pc:sldMk cId="1472395308" sldId="1093"/>
            <ac:spMk id="156" creationId="{2D88A2E7-CFCC-4A70-9A44-55185C9625A7}"/>
          </ac:spMkLst>
        </pc:spChg>
        <pc:spChg chg="mod ord">
          <ac:chgData name="Gail Cross" userId="9e0fbb2e9583deed" providerId="LiveId" clId="{A07FF165-3693-497D-A997-D009FB519B94}" dt="2021-04-14T17:06:49.429" v="57704"/>
          <ac:spMkLst>
            <pc:docMk/>
            <pc:sldMk cId="1472395308" sldId="1093"/>
            <ac:spMk id="157" creationId="{6CE4B59D-56E4-43A1-AA25-C93566356FFC}"/>
          </ac:spMkLst>
        </pc:spChg>
        <pc:spChg chg="del mod ord">
          <ac:chgData name="Gail Cross" userId="9e0fbb2e9583deed" providerId="LiveId" clId="{A07FF165-3693-497D-A997-D009FB519B94}" dt="2021-04-14T17:05:24.093" v="53887" actId="478"/>
          <ac:spMkLst>
            <pc:docMk/>
            <pc:sldMk cId="1472395308" sldId="1093"/>
            <ac:spMk id="158" creationId="{B3E16D6C-4E1D-4DFF-ADDD-6CCDA91E843E}"/>
          </ac:spMkLst>
        </pc:spChg>
        <pc:spChg chg="mod ord">
          <ac:chgData name="Gail Cross" userId="9e0fbb2e9583deed" providerId="LiveId" clId="{A07FF165-3693-497D-A997-D009FB519B94}" dt="2021-04-14T17:06:58.916" v="57913" actId="1036"/>
          <ac:spMkLst>
            <pc:docMk/>
            <pc:sldMk cId="1472395308" sldId="1093"/>
            <ac:spMk id="159" creationId="{19F6FD94-46F5-4E0A-BF97-2A5A5EC6FDB0}"/>
          </ac:spMkLst>
        </pc:spChg>
        <pc:spChg chg="mod">
          <ac:chgData name="Gail Cross" userId="9e0fbb2e9583deed" providerId="LiveId" clId="{A07FF165-3693-497D-A997-D009FB519B94}" dt="2021-04-14T17:06:58.916" v="57913" actId="1036"/>
          <ac:spMkLst>
            <pc:docMk/>
            <pc:sldMk cId="1472395308" sldId="1093"/>
            <ac:spMk id="160" creationId="{DDB7DF3D-A9A9-4E66-992D-5E37D4A5D4B1}"/>
          </ac:spMkLst>
        </pc:spChg>
        <pc:spChg chg="mod">
          <ac:chgData name="Gail Cross" userId="9e0fbb2e9583deed" providerId="LiveId" clId="{A07FF165-3693-497D-A997-D009FB519B94}" dt="2021-04-14T17:06:49.406" v="57544"/>
          <ac:spMkLst>
            <pc:docMk/>
            <pc:sldMk cId="1472395308" sldId="1093"/>
            <ac:spMk id="161" creationId="{AFB65364-6E62-4ABA-A2F7-58336761F452}"/>
          </ac:spMkLst>
        </pc:spChg>
        <pc:spChg chg="mod ord">
          <ac:chgData name="Gail Cross" userId="9e0fbb2e9583deed" providerId="LiveId" clId="{A07FF165-3693-497D-A997-D009FB519B94}" dt="2021-04-14T17:06:49.430" v="57708"/>
          <ac:spMkLst>
            <pc:docMk/>
            <pc:sldMk cId="1472395308" sldId="1093"/>
            <ac:spMk id="162" creationId="{3EDADB67-D380-4096-BC2D-FB40FA4CD098}"/>
          </ac:spMkLst>
        </pc:spChg>
        <pc:spChg chg="mod ord">
          <ac:chgData name="Gail Cross" userId="9e0fbb2e9583deed" providerId="LiveId" clId="{A07FF165-3693-497D-A997-D009FB519B94}" dt="2021-04-14T17:06:49.430" v="57710"/>
          <ac:spMkLst>
            <pc:docMk/>
            <pc:sldMk cId="1472395308" sldId="1093"/>
            <ac:spMk id="163" creationId="{E2789245-1566-48E9-8C36-D4D2C41EE426}"/>
          </ac:spMkLst>
        </pc:spChg>
        <pc:spChg chg="mod ord">
          <ac:chgData name="Gail Cross" userId="9e0fbb2e9583deed" providerId="LiveId" clId="{A07FF165-3693-497D-A997-D009FB519B94}" dt="2021-04-14T17:06:49.431" v="57712"/>
          <ac:spMkLst>
            <pc:docMk/>
            <pc:sldMk cId="1472395308" sldId="1093"/>
            <ac:spMk id="164" creationId="{CB73BC91-E96C-46C2-9B6A-B360B755EBD6}"/>
          </ac:spMkLst>
        </pc:spChg>
        <pc:spChg chg="mod ord">
          <ac:chgData name="Gail Cross" userId="9e0fbb2e9583deed" providerId="LiveId" clId="{A07FF165-3693-497D-A997-D009FB519B94}" dt="2021-04-14T17:06:49.431" v="57714"/>
          <ac:spMkLst>
            <pc:docMk/>
            <pc:sldMk cId="1472395308" sldId="1093"/>
            <ac:spMk id="165" creationId="{A1E9B929-7E9E-4CC5-926B-A94465A87FBB}"/>
          </ac:spMkLst>
        </pc:spChg>
        <pc:spChg chg="del mod ord">
          <ac:chgData name="Gail Cross" userId="9e0fbb2e9583deed" providerId="LiveId" clId="{A07FF165-3693-497D-A997-D009FB519B94}" dt="2021-04-14T17:05:26.647" v="53888" actId="478"/>
          <ac:spMkLst>
            <pc:docMk/>
            <pc:sldMk cId="1472395308" sldId="1093"/>
            <ac:spMk id="166" creationId="{13E78C29-1F5C-4B40-A571-2A4B9CFEBB0D}"/>
          </ac:spMkLst>
        </pc:spChg>
        <pc:spChg chg="mod ord">
          <ac:chgData name="Gail Cross" userId="9e0fbb2e9583deed" providerId="LiveId" clId="{A07FF165-3693-497D-A997-D009FB519B94}" dt="2021-04-14T17:06:58.916" v="57913" actId="1036"/>
          <ac:spMkLst>
            <pc:docMk/>
            <pc:sldMk cId="1472395308" sldId="1093"/>
            <ac:spMk id="167" creationId="{C10C7069-8950-4E20-AB17-68567348C608}"/>
          </ac:spMkLst>
        </pc:spChg>
        <pc:spChg chg="mod">
          <ac:chgData name="Gail Cross" userId="9e0fbb2e9583deed" providerId="LiveId" clId="{A07FF165-3693-497D-A997-D009FB519B94}" dt="2021-04-14T17:06:58.916" v="57913" actId="1036"/>
          <ac:spMkLst>
            <pc:docMk/>
            <pc:sldMk cId="1472395308" sldId="1093"/>
            <ac:spMk id="168" creationId="{AFA4F30E-9E3E-41C7-9F24-F9953AFFF03C}"/>
          </ac:spMkLst>
        </pc:spChg>
        <pc:spChg chg="mod">
          <ac:chgData name="Gail Cross" userId="9e0fbb2e9583deed" providerId="LiveId" clId="{A07FF165-3693-497D-A997-D009FB519B94}" dt="2021-04-14T17:06:49.406" v="57545"/>
          <ac:spMkLst>
            <pc:docMk/>
            <pc:sldMk cId="1472395308" sldId="1093"/>
            <ac:spMk id="169" creationId="{AB741473-CBC3-4EBE-BD49-047E55591A78}"/>
          </ac:spMkLst>
        </pc:spChg>
        <pc:spChg chg="mod ord">
          <ac:chgData name="Gail Cross" userId="9e0fbb2e9583deed" providerId="LiveId" clId="{A07FF165-3693-497D-A997-D009FB519B94}" dt="2021-04-14T17:06:49.431" v="57718"/>
          <ac:spMkLst>
            <pc:docMk/>
            <pc:sldMk cId="1472395308" sldId="1093"/>
            <ac:spMk id="170" creationId="{FF18E579-5EB4-4307-8391-309E160F83CF}"/>
          </ac:spMkLst>
        </pc:spChg>
        <pc:spChg chg="mod ord">
          <ac:chgData name="Gail Cross" userId="9e0fbb2e9583deed" providerId="LiveId" clId="{A07FF165-3693-497D-A997-D009FB519B94}" dt="2021-04-14T17:06:49.432" v="57720"/>
          <ac:spMkLst>
            <pc:docMk/>
            <pc:sldMk cId="1472395308" sldId="1093"/>
            <ac:spMk id="171" creationId="{ECCF257D-10F7-4A38-8C93-08648F93D647}"/>
          </ac:spMkLst>
        </pc:spChg>
        <pc:spChg chg="mod ord">
          <ac:chgData name="Gail Cross" userId="9e0fbb2e9583deed" providerId="LiveId" clId="{A07FF165-3693-497D-A997-D009FB519B94}" dt="2021-04-14T17:06:49.432" v="57722"/>
          <ac:spMkLst>
            <pc:docMk/>
            <pc:sldMk cId="1472395308" sldId="1093"/>
            <ac:spMk id="172" creationId="{406C7C20-8D0F-4077-A644-F545AF34E2EC}"/>
          </ac:spMkLst>
        </pc:spChg>
        <pc:spChg chg="mod ord">
          <ac:chgData name="Gail Cross" userId="9e0fbb2e9583deed" providerId="LiveId" clId="{A07FF165-3693-497D-A997-D009FB519B94}" dt="2021-04-14T17:06:49.432" v="57724"/>
          <ac:spMkLst>
            <pc:docMk/>
            <pc:sldMk cId="1472395308" sldId="1093"/>
            <ac:spMk id="173" creationId="{06550B21-3E07-4581-84A4-CB23E03D31B8}"/>
          </ac:spMkLst>
        </pc:spChg>
        <pc:spChg chg="del mod ord">
          <ac:chgData name="Gail Cross" userId="9e0fbb2e9583deed" providerId="LiveId" clId="{A07FF165-3693-497D-A997-D009FB519B94}" dt="2021-04-14T17:05:28.582" v="53889" actId="478"/>
          <ac:spMkLst>
            <pc:docMk/>
            <pc:sldMk cId="1472395308" sldId="1093"/>
            <ac:spMk id="174" creationId="{049BF2E8-EB9C-42D9-9CF3-34F02E17C3BF}"/>
          </ac:spMkLst>
        </pc:spChg>
        <pc:spChg chg="mod ord">
          <ac:chgData name="Gail Cross" userId="9e0fbb2e9583deed" providerId="LiveId" clId="{A07FF165-3693-497D-A997-D009FB519B94}" dt="2021-04-14T17:06:58.916" v="57913" actId="1036"/>
          <ac:spMkLst>
            <pc:docMk/>
            <pc:sldMk cId="1472395308" sldId="1093"/>
            <ac:spMk id="175" creationId="{F3B1D524-F10D-4DAB-AD24-E9CE6645A6AB}"/>
          </ac:spMkLst>
        </pc:spChg>
        <pc:spChg chg="mod">
          <ac:chgData name="Gail Cross" userId="9e0fbb2e9583deed" providerId="LiveId" clId="{A07FF165-3693-497D-A997-D009FB519B94}" dt="2021-04-14T17:06:58.916" v="57913" actId="1036"/>
          <ac:spMkLst>
            <pc:docMk/>
            <pc:sldMk cId="1472395308" sldId="1093"/>
            <ac:spMk id="176" creationId="{D3025A7B-E46D-47F1-92DF-8DC9971D16E6}"/>
          </ac:spMkLst>
        </pc:spChg>
        <pc:spChg chg="mod">
          <ac:chgData name="Gail Cross" userId="9e0fbb2e9583deed" providerId="LiveId" clId="{A07FF165-3693-497D-A997-D009FB519B94}" dt="2021-04-14T17:06:49.406" v="57546"/>
          <ac:spMkLst>
            <pc:docMk/>
            <pc:sldMk cId="1472395308" sldId="1093"/>
            <ac:spMk id="177" creationId="{D750493E-8592-4887-B317-FA9EC4B29BD6}"/>
          </ac:spMkLst>
        </pc:spChg>
        <pc:spChg chg="mod ord">
          <ac:chgData name="Gail Cross" userId="9e0fbb2e9583deed" providerId="LiveId" clId="{A07FF165-3693-497D-A997-D009FB519B94}" dt="2021-04-14T17:06:49.433" v="57728"/>
          <ac:spMkLst>
            <pc:docMk/>
            <pc:sldMk cId="1472395308" sldId="1093"/>
            <ac:spMk id="178" creationId="{CFFCCDF6-C06A-4EEA-81C2-C55C99FE084C}"/>
          </ac:spMkLst>
        </pc:spChg>
        <pc:spChg chg="mod ord">
          <ac:chgData name="Gail Cross" userId="9e0fbb2e9583deed" providerId="LiveId" clId="{A07FF165-3693-497D-A997-D009FB519B94}" dt="2021-04-14T17:06:49.433" v="57730"/>
          <ac:spMkLst>
            <pc:docMk/>
            <pc:sldMk cId="1472395308" sldId="1093"/>
            <ac:spMk id="179" creationId="{914FFF3E-1877-46CB-8501-E3297D08F06C}"/>
          </ac:spMkLst>
        </pc:spChg>
        <pc:spChg chg="mod ord">
          <ac:chgData name="Gail Cross" userId="9e0fbb2e9583deed" providerId="LiveId" clId="{A07FF165-3693-497D-A997-D009FB519B94}" dt="2021-04-14T17:06:49.434" v="57732"/>
          <ac:spMkLst>
            <pc:docMk/>
            <pc:sldMk cId="1472395308" sldId="1093"/>
            <ac:spMk id="180" creationId="{52B926EA-DE93-4540-B45F-8756438374D0}"/>
          </ac:spMkLst>
        </pc:spChg>
        <pc:spChg chg="mod ord">
          <ac:chgData name="Gail Cross" userId="9e0fbb2e9583deed" providerId="LiveId" clId="{A07FF165-3693-497D-A997-D009FB519B94}" dt="2021-04-14T17:06:49.434" v="57734"/>
          <ac:spMkLst>
            <pc:docMk/>
            <pc:sldMk cId="1472395308" sldId="1093"/>
            <ac:spMk id="181" creationId="{2A0D170A-83E1-4E94-A08A-6DFEBA6638A7}"/>
          </ac:spMkLst>
        </pc:spChg>
        <pc:spChg chg="del mod ord">
          <ac:chgData name="Gail Cross" userId="9e0fbb2e9583deed" providerId="LiveId" clId="{A07FF165-3693-497D-A997-D009FB519B94}" dt="2021-04-14T17:05:33.225" v="53891" actId="478"/>
          <ac:spMkLst>
            <pc:docMk/>
            <pc:sldMk cId="1472395308" sldId="1093"/>
            <ac:spMk id="182" creationId="{D6CEB678-72B9-4464-944C-9EF8F344F790}"/>
          </ac:spMkLst>
        </pc:spChg>
        <pc:spChg chg="mod ord">
          <ac:chgData name="Gail Cross" userId="9e0fbb2e9583deed" providerId="LiveId" clId="{A07FF165-3693-497D-A997-D009FB519B94}" dt="2021-04-14T17:06:58.916" v="57913" actId="1036"/>
          <ac:spMkLst>
            <pc:docMk/>
            <pc:sldMk cId="1472395308" sldId="1093"/>
            <ac:spMk id="183" creationId="{8BD959D6-B68B-4C06-A8BB-4F12D1B6E7F1}"/>
          </ac:spMkLst>
        </pc:spChg>
        <pc:spChg chg="add mod ord">
          <ac:chgData name="Gail Cross" userId="9e0fbb2e9583deed" providerId="LiveId" clId="{A07FF165-3693-497D-A997-D009FB519B94}" dt="2021-04-14T17:06:58.916" v="57913" actId="1036"/>
          <ac:spMkLst>
            <pc:docMk/>
            <pc:sldMk cId="1472395308" sldId="1093"/>
            <ac:spMk id="184" creationId="{735C87D9-C6F1-450A-9761-138CDED6842F}"/>
          </ac:spMkLst>
        </pc:spChg>
        <pc:spChg chg="add mod ord">
          <ac:chgData name="Gail Cross" userId="9e0fbb2e9583deed" providerId="LiveId" clId="{A07FF165-3693-497D-A997-D009FB519B94}" dt="2021-04-14T17:06:58.916" v="57913" actId="1036"/>
          <ac:spMkLst>
            <pc:docMk/>
            <pc:sldMk cId="1472395308" sldId="1093"/>
            <ac:spMk id="185" creationId="{8BD5477C-DE4B-4AFE-A820-6924D78AE36F}"/>
          </ac:spMkLst>
        </pc:spChg>
        <pc:spChg chg="add mod">
          <ac:chgData name="Gail Cross" userId="9e0fbb2e9583deed" providerId="LiveId" clId="{A07FF165-3693-497D-A997-D009FB519B94}" dt="2021-04-14T17:06:58.916" v="57913" actId="1036"/>
          <ac:spMkLst>
            <pc:docMk/>
            <pc:sldMk cId="1472395308" sldId="1093"/>
            <ac:spMk id="186" creationId="{02B79AD3-8618-4EB3-A709-E3D95CACE0A1}"/>
          </ac:spMkLst>
        </pc:spChg>
        <pc:spChg chg="del mod">
          <ac:chgData name="Gail Cross" userId="9e0fbb2e9583deed" providerId="LiveId" clId="{A07FF165-3693-497D-A997-D009FB519B94}" dt="2021-04-14T17:05:51.934" v="55328" actId="478"/>
          <ac:spMkLst>
            <pc:docMk/>
            <pc:sldMk cId="1472395308" sldId="1093"/>
            <ac:spMk id="187" creationId="{8B46288A-CB04-48FD-BD28-0BB742DCCD02}"/>
          </ac:spMkLst>
        </pc:spChg>
        <pc:spChg chg="del mod">
          <ac:chgData name="Gail Cross" userId="9e0fbb2e9583deed" providerId="LiveId" clId="{A07FF165-3693-497D-A997-D009FB519B94}" dt="2021-04-14T17:05:59.869" v="56198"/>
          <ac:spMkLst>
            <pc:docMk/>
            <pc:sldMk cId="1472395308" sldId="1093"/>
            <ac:spMk id="188" creationId="{B1B3B077-DE71-432C-A27A-3EA0D85FDC0A}"/>
          </ac:spMkLst>
        </pc:spChg>
        <pc:spChg chg="del mod ord">
          <ac:chgData name="Gail Cross" userId="9e0fbb2e9583deed" providerId="LiveId" clId="{A07FF165-3693-497D-A997-D009FB519B94}" dt="2021-04-14T17:05:59.868" v="56191"/>
          <ac:spMkLst>
            <pc:docMk/>
            <pc:sldMk cId="1472395308" sldId="1093"/>
            <ac:spMk id="189" creationId="{2D3E69BA-3049-4C79-B7B3-BB46162D5F36}"/>
          </ac:spMkLst>
        </pc:spChg>
        <pc:spChg chg="del mod ord">
          <ac:chgData name="Gail Cross" userId="9e0fbb2e9583deed" providerId="LiveId" clId="{A07FF165-3693-497D-A997-D009FB519B94}" dt="2021-04-14T17:05:59.868" v="56193"/>
          <ac:spMkLst>
            <pc:docMk/>
            <pc:sldMk cId="1472395308" sldId="1093"/>
            <ac:spMk id="190" creationId="{3FA32EB5-4D36-4F7E-BBFA-3F19F3D44C82}"/>
          </ac:spMkLst>
        </pc:spChg>
        <pc:spChg chg="del mod ord">
          <ac:chgData name="Gail Cross" userId="9e0fbb2e9583deed" providerId="LiveId" clId="{A07FF165-3693-497D-A997-D009FB519B94}" dt="2021-04-14T17:05:59.869" v="56195"/>
          <ac:spMkLst>
            <pc:docMk/>
            <pc:sldMk cId="1472395308" sldId="1093"/>
            <ac:spMk id="191" creationId="{A76E094C-DF5C-409F-BA57-58690662E5E9}"/>
          </ac:spMkLst>
        </pc:spChg>
        <pc:spChg chg="del mod ord">
          <ac:chgData name="Gail Cross" userId="9e0fbb2e9583deed" providerId="LiveId" clId="{A07FF165-3693-497D-A997-D009FB519B94}" dt="2021-04-14T17:05:59.869" v="56197"/>
          <ac:spMkLst>
            <pc:docMk/>
            <pc:sldMk cId="1472395308" sldId="1093"/>
            <ac:spMk id="192" creationId="{F3DED83B-608F-4E9B-AB09-897A55A03463}"/>
          </ac:spMkLst>
        </pc:spChg>
        <pc:spChg chg="del mod ord">
          <ac:chgData name="Gail Cross" userId="9e0fbb2e9583deed" providerId="LiveId" clId="{A07FF165-3693-497D-A997-D009FB519B94}" dt="2021-04-14T17:05:44.716" v="55325" actId="478"/>
          <ac:spMkLst>
            <pc:docMk/>
            <pc:sldMk cId="1472395308" sldId="1093"/>
            <ac:spMk id="193" creationId="{4F17D5DC-C35C-4EC6-91B4-32693AF496D7}"/>
          </ac:spMkLst>
        </pc:spChg>
        <pc:spChg chg="del mod ord">
          <ac:chgData name="Gail Cross" userId="9e0fbb2e9583deed" providerId="LiveId" clId="{A07FF165-3693-497D-A997-D009FB519B94}" dt="2021-04-14T17:05:50.580" v="55327" actId="478"/>
          <ac:spMkLst>
            <pc:docMk/>
            <pc:sldMk cId="1472395308" sldId="1093"/>
            <ac:spMk id="194" creationId="{CFBEDAA2-437F-4B82-AE54-85EB909CF1F9}"/>
          </ac:spMkLst>
        </pc:spChg>
        <pc:spChg chg="mod">
          <ac:chgData name="Gail Cross" userId="9e0fbb2e9583deed" providerId="LiveId" clId="{A07FF165-3693-497D-A997-D009FB519B94}" dt="2021-04-14T17:06:58.916" v="57913" actId="1036"/>
          <ac:spMkLst>
            <pc:docMk/>
            <pc:sldMk cId="1472395308" sldId="1093"/>
            <ac:spMk id="195" creationId="{9D376D61-470C-4296-81BB-FEA38E2E8BAB}"/>
          </ac:spMkLst>
        </pc:spChg>
        <pc:spChg chg="mod">
          <ac:chgData name="Gail Cross" userId="9e0fbb2e9583deed" providerId="LiveId" clId="{A07FF165-3693-497D-A997-D009FB519B94}" dt="2021-04-14T17:06:49.406" v="57547"/>
          <ac:spMkLst>
            <pc:docMk/>
            <pc:sldMk cId="1472395308" sldId="1093"/>
            <ac:spMk id="196" creationId="{C545430E-0118-4C37-88EE-F94874970B55}"/>
          </ac:spMkLst>
        </pc:spChg>
        <pc:spChg chg="mod ord">
          <ac:chgData name="Gail Cross" userId="9e0fbb2e9583deed" providerId="LiveId" clId="{A07FF165-3693-497D-A997-D009FB519B94}" dt="2021-04-14T17:06:49.434" v="57738"/>
          <ac:spMkLst>
            <pc:docMk/>
            <pc:sldMk cId="1472395308" sldId="1093"/>
            <ac:spMk id="197" creationId="{34193D85-2579-4AED-BFE9-7D04DF4CABB4}"/>
          </ac:spMkLst>
        </pc:spChg>
        <pc:spChg chg="mod ord">
          <ac:chgData name="Gail Cross" userId="9e0fbb2e9583deed" providerId="LiveId" clId="{A07FF165-3693-497D-A997-D009FB519B94}" dt="2021-04-14T17:06:49.435" v="57740"/>
          <ac:spMkLst>
            <pc:docMk/>
            <pc:sldMk cId="1472395308" sldId="1093"/>
            <ac:spMk id="198" creationId="{8C798DB4-FECB-4BE1-93F8-613F3D43D7EF}"/>
          </ac:spMkLst>
        </pc:spChg>
        <pc:spChg chg="mod ord">
          <ac:chgData name="Gail Cross" userId="9e0fbb2e9583deed" providerId="LiveId" clId="{A07FF165-3693-497D-A997-D009FB519B94}" dt="2021-04-14T17:06:49.435" v="57742"/>
          <ac:spMkLst>
            <pc:docMk/>
            <pc:sldMk cId="1472395308" sldId="1093"/>
            <ac:spMk id="199" creationId="{E9B3718F-95DE-4F87-B6C7-7C9482281B67}"/>
          </ac:spMkLst>
        </pc:spChg>
        <pc:spChg chg="mod ord">
          <ac:chgData name="Gail Cross" userId="9e0fbb2e9583deed" providerId="LiveId" clId="{A07FF165-3693-497D-A997-D009FB519B94}" dt="2021-04-14T17:06:49.435" v="57744"/>
          <ac:spMkLst>
            <pc:docMk/>
            <pc:sldMk cId="1472395308" sldId="1093"/>
            <ac:spMk id="200" creationId="{753EFD38-28F4-442D-9655-A427717B20D9}"/>
          </ac:spMkLst>
        </pc:spChg>
        <pc:spChg chg="del mod ord">
          <ac:chgData name="Gail Cross" userId="9e0fbb2e9583deed" providerId="LiveId" clId="{A07FF165-3693-497D-A997-D009FB519B94}" dt="2021-04-14T17:05:46.734" v="55326" actId="478"/>
          <ac:spMkLst>
            <pc:docMk/>
            <pc:sldMk cId="1472395308" sldId="1093"/>
            <ac:spMk id="201" creationId="{B63ADBF1-7083-41B4-A8F9-8C115D264B8A}"/>
          </ac:spMkLst>
        </pc:spChg>
        <pc:spChg chg="mod ord">
          <ac:chgData name="Gail Cross" userId="9e0fbb2e9583deed" providerId="LiveId" clId="{A07FF165-3693-497D-A997-D009FB519B94}" dt="2021-04-14T17:06:58.916" v="57913" actId="1036"/>
          <ac:spMkLst>
            <pc:docMk/>
            <pc:sldMk cId="1472395308" sldId="1093"/>
            <ac:spMk id="202" creationId="{B6CB0B4F-195A-4EB0-B2A9-FE631ABFB172}"/>
          </ac:spMkLst>
        </pc:spChg>
        <pc:spChg chg="add mod modVis">
          <ac:chgData name="Gail Cross" userId="9e0fbb2e9583deed" providerId="LiveId" clId="{A07FF165-3693-497D-A997-D009FB519B94}" dt="2021-04-14T17:06:49.408" v="57557"/>
          <ac:spMkLst>
            <pc:docMk/>
            <pc:sldMk cId="1472395308" sldId="1093"/>
            <ac:spMk id="203" creationId="{1C810233-1A76-44B1-AA44-4A50BD6CBB56}"/>
          </ac:spMkLst>
        </pc:spChg>
        <pc:spChg chg="add mod ord modVis">
          <ac:chgData name="Gail Cross" userId="9e0fbb2e9583deed" providerId="LiveId" clId="{A07FF165-3693-497D-A997-D009FB519B94}" dt="2021-04-14T17:06:49.445" v="57812"/>
          <ac:spMkLst>
            <pc:docMk/>
            <pc:sldMk cId="1472395308" sldId="1093"/>
            <ac:spMk id="204" creationId="{9BD348E4-3907-4B5E-8A49-5777F11C709C}"/>
          </ac:spMkLst>
        </pc:spChg>
        <pc:spChg chg="add mod ord modVis">
          <ac:chgData name="Gail Cross" userId="9e0fbb2e9583deed" providerId="LiveId" clId="{A07FF165-3693-497D-A997-D009FB519B94}" dt="2021-04-14T17:06:49.445" v="57814"/>
          <ac:spMkLst>
            <pc:docMk/>
            <pc:sldMk cId="1472395308" sldId="1093"/>
            <ac:spMk id="205" creationId="{1F732651-92EA-4EBA-BACA-22D0058A581F}"/>
          </ac:spMkLst>
        </pc:spChg>
        <pc:spChg chg="del mod">
          <ac:chgData name="Gail Cross" userId="9e0fbb2e9583deed" providerId="LiveId" clId="{A07FF165-3693-497D-A997-D009FB519B94}" dt="2021-04-14T17:05:08.060" v="52951" actId="478"/>
          <ac:spMkLst>
            <pc:docMk/>
            <pc:sldMk cId="1472395308" sldId="1093"/>
            <ac:spMk id="206" creationId="{F13BFD86-99E6-40E3-83E4-8515701CCF5E}"/>
          </ac:spMkLst>
        </pc:spChg>
        <pc:spChg chg="del mod">
          <ac:chgData name="Gail Cross" userId="9e0fbb2e9583deed" providerId="LiveId" clId="{A07FF165-3693-497D-A997-D009FB519B94}" dt="2021-04-14T17:02:28.136" v="46928"/>
          <ac:spMkLst>
            <pc:docMk/>
            <pc:sldMk cId="1472395308" sldId="1093"/>
            <ac:spMk id="207" creationId="{84CC3AB2-5677-445E-9C26-84FB59898CCD}"/>
          </ac:spMkLst>
        </pc:spChg>
        <pc:spChg chg="del mod ord">
          <ac:chgData name="Gail Cross" userId="9e0fbb2e9583deed" providerId="LiveId" clId="{A07FF165-3693-497D-A997-D009FB519B94}" dt="2021-04-14T17:02:28.136" v="46925"/>
          <ac:spMkLst>
            <pc:docMk/>
            <pc:sldMk cId="1472395308" sldId="1093"/>
            <ac:spMk id="208" creationId="{B92A5016-B09E-40FE-B735-85DD3856FF2D}"/>
          </ac:spMkLst>
        </pc:spChg>
        <pc:spChg chg="del mod ord">
          <ac:chgData name="Gail Cross" userId="9e0fbb2e9583deed" providerId="LiveId" clId="{A07FF165-3693-497D-A997-D009FB519B94}" dt="2021-04-14T17:02:28.136" v="46927"/>
          <ac:spMkLst>
            <pc:docMk/>
            <pc:sldMk cId="1472395308" sldId="1093"/>
            <ac:spMk id="209" creationId="{13DCD84A-61A1-48D9-8D19-5E29391D3884}"/>
          </ac:spMkLst>
        </pc:spChg>
        <pc:spChg chg="del mod">
          <ac:chgData name="Gail Cross" userId="9e0fbb2e9583deed" providerId="LiveId" clId="{A07FF165-3693-497D-A997-D009FB519B94}" dt="2021-04-14T17:05:41.580" v="54933" actId="478"/>
          <ac:spMkLst>
            <pc:docMk/>
            <pc:sldMk cId="1472395308" sldId="1093"/>
            <ac:spMk id="210" creationId="{1CC3D31A-BBEB-41B1-B471-FF8EAAD50B04}"/>
          </ac:spMkLst>
        </pc:spChg>
        <pc:spChg chg="del mod ord">
          <ac:chgData name="Gail Cross" userId="9e0fbb2e9583deed" providerId="LiveId" clId="{A07FF165-3693-497D-A997-D009FB519B94}" dt="2021-04-14T17:05:36.792" v="53892" actId="478"/>
          <ac:spMkLst>
            <pc:docMk/>
            <pc:sldMk cId="1472395308" sldId="1093"/>
            <ac:spMk id="211" creationId="{0BA2B763-FBF7-4B4E-8B4C-B6D2296CB156}"/>
          </ac:spMkLst>
        </pc:spChg>
        <pc:spChg chg="del mod ord">
          <ac:chgData name="Gail Cross" userId="9e0fbb2e9583deed" providerId="LiveId" clId="{A07FF165-3693-497D-A997-D009FB519B94}" dt="2021-04-14T17:05:38.516" v="53893" actId="478"/>
          <ac:spMkLst>
            <pc:docMk/>
            <pc:sldMk cId="1472395308" sldId="1093"/>
            <ac:spMk id="212" creationId="{4BDF694A-4189-4E7F-AC85-4315DDE1F8D4}"/>
          </ac:spMkLst>
        </pc:spChg>
        <pc:spChg chg="mod ord">
          <ac:chgData name="Gail Cross" userId="9e0fbb2e9583deed" providerId="LiveId" clId="{A07FF165-3693-497D-A997-D009FB519B94}" dt="2021-04-14T17:06:58.916" v="57913" actId="1036"/>
          <ac:spMkLst>
            <pc:docMk/>
            <pc:sldMk cId="1472395308" sldId="1093"/>
            <ac:spMk id="214" creationId="{A3CD8975-E2EF-4D1B-B940-F3F7284B822E}"/>
          </ac:spMkLst>
        </pc:spChg>
        <pc:spChg chg="mod ord">
          <ac:chgData name="Gail Cross" userId="9e0fbb2e9583deed" providerId="LiveId" clId="{A07FF165-3693-497D-A997-D009FB519B94}" dt="2021-04-14T17:06:58.916" v="57913" actId="1036"/>
          <ac:spMkLst>
            <pc:docMk/>
            <pc:sldMk cId="1472395308" sldId="1093"/>
            <ac:spMk id="215" creationId="{5AD857C4-C49F-4A6F-BF83-155E8706496C}"/>
          </ac:spMkLst>
        </pc:spChg>
        <pc:spChg chg="mod">
          <ac:chgData name="Gail Cross" userId="9e0fbb2e9583deed" providerId="LiveId" clId="{A07FF165-3693-497D-A997-D009FB519B94}" dt="2021-04-14T17:06:58.916" v="57913" actId="1036"/>
          <ac:spMkLst>
            <pc:docMk/>
            <pc:sldMk cId="1472395308" sldId="1093"/>
            <ac:spMk id="216" creationId="{EA3FA345-ED1C-464F-9688-61FB11D76BDD}"/>
          </ac:spMkLst>
        </pc:spChg>
        <pc:spChg chg="mod">
          <ac:chgData name="Gail Cross" userId="9e0fbb2e9583deed" providerId="LiveId" clId="{A07FF165-3693-497D-A997-D009FB519B94}" dt="2021-04-14T17:06:58.916" v="57913" actId="1036"/>
          <ac:spMkLst>
            <pc:docMk/>
            <pc:sldMk cId="1472395308" sldId="1093"/>
            <ac:spMk id="217" creationId="{3885935B-A38E-41C3-A1B6-6FDD6EE6B992}"/>
          </ac:spMkLst>
        </pc:spChg>
        <pc:spChg chg="mod">
          <ac:chgData name="Gail Cross" userId="9e0fbb2e9583deed" providerId="LiveId" clId="{A07FF165-3693-497D-A997-D009FB519B94}" dt="2021-04-14T17:06:49.406" v="57548"/>
          <ac:spMkLst>
            <pc:docMk/>
            <pc:sldMk cId="1472395308" sldId="1093"/>
            <ac:spMk id="218" creationId="{C3146E67-5BD1-4B60-8448-5E97A378AAF3}"/>
          </ac:spMkLst>
        </pc:spChg>
        <pc:spChg chg="mod ord">
          <ac:chgData name="Gail Cross" userId="9e0fbb2e9583deed" providerId="LiveId" clId="{A07FF165-3693-497D-A997-D009FB519B94}" dt="2021-04-14T17:06:49.436" v="57748"/>
          <ac:spMkLst>
            <pc:docMk/>
            <pc:sldMk cId="1472395308" sldId="1093"/>
            <ac:spMk id="219" creationId="{314D7F9C-D8E8-418E-8960-53AB5F7B6D67}"/>
          </ac:spMkLst>
        </pc:spChg>
        <pc:spChg chg="mod ord">
          <ac:chgData name="Gail Cross" userId="9e0fbb2e9583deed" providerId="LiveId" clId="{A07FF165-3693-497D-A997-D009FB519B94}" dt="2021-04-14T17:06:49.436" v="57750"/>
          <ac:spMkLst>
            <pc:docMk/>
            <pc:sldMk cId="1472395308" sldId="1093"/>
            <ac:spMk id="220" creationId="{3AE6C47D-7F4F-4703-8228-962C28D810AF}"/>
          </ac:spMkLst>
        </pc:spChg>
        <pc:spChg chg="mod ord">
          <ac:chgData name="Gail Cross" userId="9e0fbb2e9583deed" providerId="LiveId" clId="{A07FF165-3693-497D-A997-D009FB519B94}" dt="2021-04-14T17:06:49.436" v="57752"/>
          <ac:spMkLst>
            <pc:docMk/>
            <pc:sldMk cId="1472395308" sldId="1093"/>
            <ac:spMk id="221" creationId="{0F47691F-87C9-4CE4-ABBF-A7EFC04E5E98}"/>
          </ac:spMkLst>
        </pc:spChg>
        <pc:spChg chg="mod ord">
          <ac:chgData name="Gail Cross" userId="9e0fbb2e9583deed" providerId="LiveId" clId="{A07FF165-3693-497D-A997-D009FB519B94}" dt="2021-04-14T17:06:49.437" v="57754"/>
          <ac:spMkLst>
            <pc:docMk/>
            <pc:sldMk cId="1472395308" sldId="1093"/>
            <ac:spMk id="222" creationId="{02EBB7E9-3A01-4825-8A76-DD8C64865A2D}"/>
          </ac:spMkLst>
        </pc:spChg>
        <pc:spChg chg="del mod ord">
          <ac:chgData name="Gail Cross" userId="9e0fbb2e9583deed" providerId="LiveId" clId="{A07FF165-3693-497D-A997-D009FB519B94}" dt="2021-04-14T17:05:30.881" v="53890" actId="478"/>
          <ac:spMkLst>
            <pc:docMk/>
            <pc:sldMk cId="1472395308" sldId="1093"/>
            <ac:spMk id="223" creationId="{9B505185-E0E9-4915-8500-131B9786FB07}"/>
          </ac:spMkLst>
        </pc:spChg>
        <pc:spChg chg="mod ord">
          <ac:chgData name="Gail Cross" userId="9e0fbb2e9583deed" providerId="LiveId" clId="{A07FF165-3693-497D-A997-D009FB519B94}" dt="2021-04-14T17:06:58.916" v="57913" actId="1036"/>
          <ac:spMkLst>
            <pc:docMk/>
            <pc:sldMk cId="1472395308" sldId="1093"/>
            <ac:spMk id="224" creationId="{05F4BFA9-D259-45B8-873F-402E75E090EE}"/>
          </ac:spMkLst>
        </pc:spChg>
        <pc:spChg chg="del mod">
          <ac:chgData name="Gail Cross" userId="9e0fbb2e9583deed" providerId="LiveId" clId="{A07FF165-3693-497D-A997-D009FB519B94}" dt="2021-04-14T17:06:37.890" v="56504"/>
          <ac:spMkLst>
            <pc:docMk/>
            <pc:sldMk cId="1472395308" sldId="1093"/>
            <ac:spMk id="225" creationId="{1EF207DF-4352-4970-A67B-386ED14B2D43}"/>
          </ac:spMkLst>
        </pc:spChg>
        <pc:spChg chg="del mod">
          <ac:chgData name="Gail Cross" userId="9e0fbb2e9583deed" providerId="LiveId" clId="{A07FF165-3693-497D-A997-D009FB519B94}" dt="2021-04-14T17:06:37.896" v="56525"/>
          <ac:spMkLst>
            <pc:docMk/>
            <pc:sldMk cId="1472395308" sldId="1093"/>
            <ac:spMk id="226" creationId="{E727FDD8-8589-4FC1-A8CC-2E6E23A3EB09}"/>
          </ac:spMkLst>
        </pc:spChg>
        <pc:spChg chg="mod ord">
          <ac:chgData name="Gail Cross" userId="9e0fbb2e9583deed" providerId="LiveId" clId="{A07FF165-3693-497D-A997-D009FB519B94}" dt="2021-04-14T17:06:49.437" v="57758"/>
          <ac:spMkLst>
            <pc:docMk/>
            <pc:sldMk cId="1472395308" sldId="1093"/>
            <ac:spMk id="227" creationId="{1FA15732-D6CA-4664-A947-21233544440D}"/>
          </ac:spMkLst>
        </pc:spChg>
        <pc:spChg chg="mod ord">
          <ac:chgData name="Gail Cross" userId="9e0fbb2e9583deed" providerId="LiveId" clId="{A07FF165-3693-497D-A997-D009FB519B94}" dt="2021-04-14T17:06:49.438" v="57760"/>
          <ac:spMkLst>
            <pc:docMk/>
            <pc:sldMk cId="1472395308" sldId="1093"/>
            <ac:spMk id="228" creationId="{BBA04854-C333-4432-BABA-D3CEEB5D1443}"/>
          </ac:spMkLst>
        </pc:spChg>
        <pc:spChg chg="mod ord">
          <ac:chgData name="Gail Cross" userId="9e0fbb2e9583deed" providerId="LiveId" clId="{A07FF165-3693-497D-A997-D009FB519B94}" dt="2021-04-14T17:06:49.438" v="57762"/>
          <ac:spMkLst>
            <pc:docMk/>
            <pc:sldMk cId="1472395308" sldId="1093"/>
            <ac:spMk id="229" creationId="{FB6737F1-1BBC-4EBB-815D-DDCC94689547}"/>
          </ac:spMkLst>
        </pc:spChg>
        <pc:spChg chg="mod ord">
          <ac:chgData name="Gail Cross" userId="9e0fbb2e9583deed" providerId="LiveId" clId="{A07FF165-3693-497D-A997-D009FB519B94}" dt="2021-04-14T17:06:49.438" v="57764"/>
          <ac:spMkLst>
            <pc:docMk/>
            <pc:sldMk cId="1472395308" sldId="1093"/>
            <ac:spMk id="230" creationId="{9F04B773-917D-4EFE-98C6-179EEB5CFD5F}"/>
          </ac:spMkLst>
        </pc:spChg>
        <pc:spChg chg="del mod ord">
          <ac:chgData name="Gail Cross" userId="9e0fbb2e9583deed" providerId="LiveId" clId="{A07FF165-3693-497D-A997-D009FB519B94}" dt="2021-04-14T17:06:14.604" v="56201" actId="478"/>
          <ac:spMkLst>
            <pc:docMk/>
            <pc:sldMk cId="1472395308" sldId="1093"/>
            <ac:spMk id="231" creationId="{0361BA0C-B63F-4A8D-A52D-D4026149338E}"/>
          </ac:spMkLst>
        </pc:spChg>
        <pc:spChg chg="mod ord">
          <ac:chgData name="Gail Cross" userId="9e0fbb2e9583deed" providerId="LiveId" clId="{A07FF165-3693-497D-A997-D009FB519B94}" dt="2021-04-14T17:06:58.916" v="57913" actId="1036"/>
          <ac:spMkLst>
            <pc:docMk/>
            <pc:sldMk cId="1472395308" sldId="1093"/>
            <ac:spMk id="232" creationId="{6842A4CB-6252-4C23-BD0D-9EE84DA22E5A}"/>
          </ac:spMkLst>
        </pc:spChg>
        <pc:spChg chg="del mod">
          <ac:chgData name="Gail Cross" userId="9e0fbb2e9583deed" providerId="LiveId" clId="{A07FF165-3693-497D-A997-D009FB519B94}" dt="2021-04-14T17:06:37.918" v="56579"/>
          <ac:spMkLst>
            <pc:docMk/>
            <pc:sldMk cId="1472395308" sldId="1093"/>
            <ac:spMk id="233" creationId="{8BF4B9C6-FCC4-49E0-AF0C-04C48DC919ED}"/>
          </ac:spMkLst>
        </pc:spChg>
        <pc:spChg chg="del mod">
          <ac:chgData name="Gail Cross" userId="9e0fbb2e9583deed" providerId="LiveId" clId="{A07FF165-3693-497D-A997-D009FB519B94}" dt="2021-04-14T17:06:37.924" v="56600"/>
          <ac:spMkLst>
            <pc:docMk/>
            <pc:sldMk cId="1472395308" sldId="1093"/>
            <ac:spMk id="234" creationId="{04D8FCFA-4C09-4267-A569-E5D252E8CF61}"/>
          </ac:spMkLst>
        </pc:spChg>
        <pc:spChg chg="mod ord">
          <ac:chgData name="Gail Cross" userId="9e0fbb2e9583deed" providerId="LiveId" clId="{A07FF165-3693-497D-A997-D009FB519B94}" dt="2021-04-14T17:06:49.439" v="57768"/>
          <ac:spMkLst>
            <pc:docMk/>
            <pc:sldMk cId="1472395308" sldId="1093"/>
            <ac:spMk id="235" creationId="{E9C59D55-7A4C-47BF-8DE9-D38935FEE8B3}"/>
          </ac:spMkLst>
        </pc:spChg>
        <pc:spChg chg="mod ord">
          <ac:chgData name="Gail Cross" userId="9e0fbb2e9583deed" providerId="LiveId" clId="{A07FF165-3693-497D-A997-D009FB519B94}" dt="2021-04-14T17:06:49.439" v="57770"/>
          <ac:spMkLst>
            <pc:docMk/>
            <pc:sldMk cId="1472395308" sldId="1093"/>
            <ac:spMk id="236" creationId="{23A2D660-8BD4-4A85-9737-6DF559862C26}"/>
          </ac:spMkLst>
        </pc:spChg>
        <pc:spChg chg="mod ord">
          <ac:chgData name="Gail Cross" userId="9e0fbb2e9583deed" providerId="LiveId" clId="{A07FF165-3693-497D-A997-D009FB519B94}" dt="2021-04-14T17:06:49.439" v="57772"/>
          <ac:spMkLst>
            <pc:docMk/>
            <pc:sldMk cId="1472395308" sldId="1093"/>
            <ac:spMk id="237" creationId="{9CDA1733-FDA4-4B8C-B541-71C03AA88718}"/>
          </ac:spMkLst>
        </pc:spChg>
        <pc:spChg chg="mod ord">
          <ac:chgData name="Gail Cross" userId="9e0fbb2e9583deed" providerId="LiveId" clId="{A07FF165-3693-497D-A997-D009FB519B94}" dt="2021-04-14T17:06:49.439" v="57774"/>
          <ac:spMkLst>
            <pc:docMk/>
            <pc:sldMk cId="1472395308" sldId="1093"/>
            <ac:spMk id="238" creationId="{921AE88B-FAB1-414C-ACE4-7D1B58383180}"/>
          </ac:spMkLst>
        </pc:spChg>
        <pc:spChg chg="del mod ord">
          <ac:chgData name="Gail Cross" userId="9e0fbb2e9583deed" providerId="LiveId" clId="{A07FF165-3693-497D-A997-D009FB519B94}" dt="2021-04-14T17:06:45.202" v="57058" actId="478"/>
          <ac:spMkLst>
            <pc:docMk/>
            <pc:sldMk cId="1472395308" sldId="1093"/>
            <ac:spMk id="239" creationId="{C7C316CA-276A-4F59-B2E6-AE09232C3314}"/>
          </ac:spMkLst>
        </pc:spChg>
        <pc:spChg chg="mod ord">
          <ac:chgData name="Gail Cross" userId="9e0fbb2e9583deed" providerId="LiveId" clId="{A07FF165-3693-497D-A997-D009FB519B94}" dt="2021-04-14T17:06:58.916" v="57913" actId="1036"/>
          <ac:spMkLst>
            <pc:docMk/>
            <pc:sldMk cId="1472395308" sldId="1093"/>
            <ac:spMk id="240" creationId="{81A79FFB-CE11-4C8A-BC3B-8C713A777BB8}"/>
          </ac:spMkLst>
        </pc:spChg>
        <pc:spChg chg="mod">
          <ac:chgData name="Gail Cross" userId="9e0fbb2e9583deed" providerId="LiveId" clId="{A07FF165-3693-497D-A997-D009FB519B94}" dt="2021-04-14T17:06:58.916" v="57913" actId="1036"/>
          <ac:spMkLst>
            <pc:docMk/>
            <pc:sldMk cId="1472395308" sldId="1093"/>
            <ac:spMk id="241" creationId="{EC1D8541-1C6F-479C-8076-6BE399652BE1}"/>
          </ac:spMkLst>
        </pc:spChg>
        <pc:spChg chg="mod ord">
          <ac:chgData name="Gail Cross" userId="9e0fbb2e9583deed" providerId="LiveId" clId="{A07FF165-3693-497D-A997-D009FB519B94}" dt="2021-04-14T17:06:58.916" v="57913" actId="1036"/>
          <ac:spMkLst>
            <pc:docMk/>
            <pc:sldMk cId="1472395308" sldId="1093"/>
            <ac:spMk id="242" creationId="{B6F7C690-030C-4230-A11A-73FBD9EE9129}"/>
          </ac:spMkLst>
        </pc:spChg>
        <pc:spChg chg="del mod ord">
          <ac:chgData name="Gail Cross" userId="9e0fbb2e9583deed" providerId="LiveId" clId="{A07FF165-3693-497D-A997-D009FB519B94}" dt="2021-04-14T17:04:57.840" v="52045" actId="478"/>
          <ac:spMkLst>
            <pc:docMk/>
            <pc:sldMk cId="1472395308" sldId="1093"/>
            <ac:spMk id="243" creationId="{66AFC092-BA6C-42E4-807E-475B414031CE}"/>
          </ac:spMkLst>
        </pc:spChg>
        <pc:spChg chg="mod">
          <ac:chgData name="Gail Cross" userId="9e0fbb2e9583deed" providerId="LiveId" clId="{A07FF165-3693-497D-A997-D009FB519B94}" dt="2021-04-14T17:06:58.916" v="57913" actId="1036"/>
          <ac:spMkLst>
            <pc:docMk/>
            <pc:sldMk cId="1472395308" sldId="1093"/>
            <ac:spMk id="244" creationId="{80EB7591-E6ED-40F0-8B76-91BD113737E1}"/>
          </ac:spMkLst>
        </pc:spChg>
        <pc:spChg chg="mod ord">
          <ac:chgData name="Gail Cross" userId="9e0fbb2e9583deed" providerId="LiveId" clId="{A07FF165-3693-497D-A997-D009FB519B94}" dt="2021-04-14T17:06:58.916" v="57913" actId="1036"/>
          <ac:spMkLst>
            <pc:docMk/>
            <pc:sldMk cId="1472395308" sldId="1093"/>
            <ac:spMk id="245" creationId="{AE9FDE36-A050-41AA-8AC3-41E038FD785A}"/>
          </ac:spMkLst>
        </pc:spChg>
        <pc:spChg chg="del mod ord">
          <ac:chgData name="Gail Cross" userId="9e0fbb2e9583deed" providerId="LiveId" clId="{A07FF165-3693-497D-A997-D009FB519B94}" dt="2021-04-14T17:05:14.092" v="52954" actId="478"/>
          <ac:spMkLst>
            <pc:docMk/>
            <pc:sldMk cId="1472395308" sldId="1093"/>
            <ac:spMk id="246" creationId="{C9E5FEDD-389D-480B-88CA-4B380193C662}"/>
          </ac:spMkLst>
        </pc:spChg>
        <pc:spChg chg="mod">
          <ac:chgData name="Gail Cross" userId="9e0fbb2e9583deed" providerId="LiveId" clId="{A07FF165-3693-497D-A997-D009FB519B94}" dt="2021-04-14T17:06:58.916" v="57913" actId="1036"/>
          <ac:spMkLst>
            <pc:docMk/>
            <pc:sldMk cId="1472395308" sldId="1093"/>
            <ac:spMk id="247" creationId="{0EAAF222-08F1-4ABF-AD17-824EDF35A402}"/>
          </ac:spMkLst>
        </pc:spChg>
        <pc:spChg chg="del mod ord">
          <ac:chgData name="Gail Cross" userId="9e0fbb2e9583deed" providerId="LiveId" clId="{A07FF165-3693-497D-A997-D009FB519B94}" dt="2021-04-14T17:06:42.943" v="57057" actId="478"/>
          <ac:spMkLst>
            <pc:docMk/>
            <pc:sldMk cId="1472395308" sldId="1093"/>
            <ac:spMk id="248" creationId="{7B0F7C13-CD3D-4025-875C-DF8A61E96B05}"/>
          </ac:spMkLst>
        </pc:spChg>
        <pc:spChg chg="del mod ord">
          <ac:chgData name="Gail Cross" userId="9e0fbb2e9583deed" providerId="LiveId" clId="{A07FF165-3693-497D-A997-D009FB519B94}" dt="2021-04-14T17:05:54.573" v="55329" actId="478"/>
          <ac:spMkLst>
            <pc:docMk/>
            <pc:sldMk cId="1472395308" sldId="1093"/>
            <ac:spMk id="249" creationId="{C69F4735-9F5D-41C2-B9AB-F0B3E9AA976B}"/>
          </ac:spMkLst>
        </pc:spChg>
        <pc:spChg chg="mod">
          <ac:chgData name="Gail Cross" userId="9e0fbb2e9583deed" providerId="LiveId" clId="{A07FF165-3693-497D-A997-D009FB519B94}" dt="2021-04-14T17:06:58.916" v="57913" actId="1036"/>
          <ac:spMkLst>
            <pc:docMk/>
            <pc:sldMk cId="1472395308" sldId="1093"/>
            <ac:spMk id="250" creationId="{3B1368BC-3E32-4CC1-9D1D-198B2F39885C}"/>
          </ac:spMkLst>
        </pc:spChg>
        <pc:spChg chg="mod ord">
          <ac:chgData name="Gail Cross" userId="9e0fbb2e9583deed" providerId="LiveId" clId="{A07FF165-3693-497D-A997-D009FB519B94}" dt="2021-04-14T17:06:58.916" v="57913" actId="1036"/>
          <ac:spMkLst>
            <pc:docMk/>
            <pc:sldMk cId="1472395308" sldId="1093"/>
            <ac:spMk id="251" creationId="{28097C7B-FA10-45FD-B10C-937C2F9A277F}"/>
          </ac:spMkLst>
        </pc:spChg>
        <pc:spChg chg="del mod ord">
          <ac:chgData name="Gail Cross" userId="9e0fbb2e9583deed" providerId="LiveId" clId="{A07FF165-3693-497D-A997-D009FB519B94}" dt="2021-04-14T17:05:57.620" v="55330" actId="478"/>
          <ac:spMkLst>
            <pc:docMk/>
            <pc:sldMk cId="1472395308" sldId="1093"/>
            <ac:spMk id="252" creationId="{7C0FCCB8-86BC-4981-AED7-5B4C43BAF646}"/>
          </ac:spMkLst>
        </pc:spChg>
        <pc:spChg chg="add mod ord modVis">
          <ac:chgData name="Gail Cross" userId="9e0fbb2e9583deed" providerId="LiveId" clId="{A07FF165-3693-497D-A997-D009FB519B94}" dt="2021-04-14T17:06:49.445" v="57816"/>
          <ac:spMkLst>
            <pc:docMk/>
            <pc:sldMk cId="1472395308" sldId="1093"/>
            <ac:spMk id="253" creationId="{0D7AD475-9AB1-459A-A98A-CE38DD9E6F75}"/>
          </ac:spMkLst>
        </pc:spChg>
        <pc:spChg chg="add mod ord modVis">
          <ac:chgData name="Gail Cross" userId="9e0fbb2e9583deed" providerId="LiveId" clId="{A07FF165-3693-497D-A997-D009FB519B94}" dt="2021-04-14T17:06:49.446" v="57818"/>
          <ac:spMkLst>
            <pc:docMk/>
            <pc:sldMk cId="1472395308" sldId="1093"/>
            <ac:spMk id="254" creationId="{CF4302E0-9304-47D7-8F9E-6E4C991E6691}"/>
          </ac:spMkLst>
        </pc:spChg>
        <pc:spChg chg="add mod ord">
          <ac:chgData name="Gail Cross" userId="9e0fbb2e9583deed" providerId="LiveId" clId="{A07FF165-3693-497D-A997-D009FB519B94}" dt="2021-04-14T17:06:58.916" v="57913" actId="1036"/>
          <ac:spMkLst>
            <pc:docMk/>
            <pc:sldMk cId="1472395308" sldId="1093"/>
            <ac:spMk id="255" creationId="{6CF31107-C222-4340-8CDF-EBB3F7F82466}"/>
          </ac:spMkLst>
        </pc:spChg>
        <pc:spChg chg="add mod ord">
          <ac:chgData name="Gail Cross" userId="9e0fbb2e9583deed" providerId="LiveId" clId="{A07FF165-3693-497D-A997-D009FB519B94}" dt="2021-04-14T17:06:58.916" v="57913" actId="1036"/>
          <ac:spMkLst>
            <pc:docMk/>
            <pc:sldMk cId="1472395308" sldId="1093"/>
            <ac:spMk id="256" creationId="{CD10BD9D-4F77-4D44-8B55-25144E74F26D}"/>
          </ac:spMkLst>
        </pc:spChg>
        <pc:spChg chg="add mod ord modVis">
          <ac:chgData name="Gail Cross" userId="9e0fbb2e9583deed" providerId="LiveId" clId="{A07FF165-3693-497D-A997-D009FB519B94}" dt="2021-04-14T17:06:49.447" v="57824"/>
          <ac:spMkLst>
            <pc:docMk/>
            <pc:sldMk cId="1472395308" sldId="1093"/>
            <ac:spMk id="257" creationId="{F93020D8-36FE-42B2-8CCD-41CD4BBF3E2F}"/>
          </ac:spMkLst>
        </pc:spChg>
        <pc:spChg chg="add mod ord modVis">
          <ac:chgData name="Gail Cross" userId="9e0fbb2e9583deed" providerId="LiveId" clId="{A07FF165-3693-497D-A997-D009FB519B94}" dt="2021-04-14T17:06:49.447" v="57826"/>
          <ac:spMkLst>
            <pc:docMk/>
            <pc:sldMk cId="1472395308" sldId="1093"/>
            <ac:spMk id="259" creationId="{FCEE09C7-E7E3-4349-AC15-E90273D9B9A0}"/>
          </ac:spMkLst>
        </pc:spChg>
        <pc:spChg chg="add mod ord modVis">
          <ac:chgData name="Gail Cross" userId="9e0fbb2e9583deed" providerId="LiveId" clId="{A07FF165-3693-497D-A997-D009FB519B94}" dt="2021-04-14T17:06:49.447" v="57828"/>
          <ac:spMkLst>
            <pc:docMk/>
            <pc:sldMk cId="1472395308" sldId="1093"/>
            <ac:spMk id="260" creationId="{1140F325-9D48-4276-9CBC-54CD3E560881}"/>
          </ac:spMkLst>
        </pc:spChg>
        <pc:spChg chg="add mod ord modVis">
          <ac:chgData name="Gail Cross" userId="9e0fbb2e9583deed" providerId="LiveId" clId="{A07FF165-3693-497D-A997-D009FB519B94}" dt="2021-04-14T17:06:49.448" v="57830"/>
          <ac:spMkLst>
            <pc:docMk/>
            <pc:sldMk cId="1472395308" sldId="1093"/>
            <ac:spMk id="261" creationId="{C9C0C7CE-C3ED-464E-82C5-0413F9DEA426}"/>
          </ac:spMkLst>
        </pc:spChg>
        <pc:spChg chg="add mod ord modVis">
          <ac:chgData name="Gail Cross" userId="9e0fbb2e9583deed" providerId="LiveId" clId="{A07FF165-3693-497D-A997-D009FB519B94}" dt="2021-04-14T17:06:49.448" v="57832"/>
          <ac:spMkLst>
            <pc:docMk/>
            <pc:sldMk cId="1472395308" sldId="1093"/>
            <ac:spMk id="262" creationId="{738D858B-326B-44F2-BD82-7B4F9099FAE5}"/>
          </ac:spMkLst>
        </pc:spChg>
        <pc:spChg chg="add mod ord modVis">
          <ac:chgData name="Gail Cross" userId="9e0fbb2e9583deed" providerId="LiveId" clId="{A07FF165-3693-497D-A997-D009FB519B94}" dt="2021-04-14T17:06:49.448" v="57834"/>
          <ac:spMkLst>
            <pc:docMk/>
            <pc:sldMk cId="1472395308" sldId="1093"/>
            <ac:spMk id="263" creationId="{8495B3DF-D7EE-4770-815B-963AADE7D487}"/>
          </ac:spMkLst>
        </pc:spChg>
        <pc:spChg chg="add mod ord modVis">
          <ac:chgData name="Gail Cross" userId="9e0fbb2e9583deed" providerId="LiveId" clId="{A07FF165-3693-497D-A997-D009FB519B94}" dt="2021-04-14T17:06:49.448" v="57836"/>
          <ac:spMkLst>
            <pc:docMk/>
            <pc:sldMk cId="1472395308" sldId="1093"/>
            <ac:spMk id="264" creationId="{1193E794-C2C1-466E-A542-5F06A6FA2A0E}"/>
          </ac:spMkLst>
        </pc:spChg>
        <pc:spChg chg="mod ord">
          <ac:chgData name="Gail Cross" userId="9e0fbb2e9583deed" providerId="LiveId" clId="{A07FF165-3693-497D-A997-D009FB519B94}" dt="2021-04-14T17:07:33.473" v="57941" actId="1076"/>
          <ac:spMkLst>
            <pc:docMk/>
            <pc:sldMk cId="1472395308" sldId="1093"/>
            <ac:spMk id="265" creationId="{DDC7ADF7-2032-4365-8ED7-229F97E3423B}"/>
          </ac:spMkLst>
        </pc:spChg>
        <pc:spChg chg="mod ord">
          <ac:chgData name="Gail Cross" userId="9e0fbb2e9583deed" providerId="LiveId" clId="{A07FF165-3693-497D-A997-D009FB519B94}" dt="2021-04-14T17:07:37.241" v="57942" actId="1076"/>
          <ac:spMkLst>
            <pc:docMk/>
            <pc:sldMk cId="1472395308" sldId="1093"/>
            <ac:spMk id="266" creationId="{9C02B10D-C152-49A2-BB4D-5F675D51917D}"/>
          </ac:spMkLst>
        </pc:spChg>
        <pc:spChg chg="mod">
          <ac:chgData name="Gail Cross" userId="9e0fbb2e9583deed" providerId="LiveId" clId="{A07FF165-3693-497D-A997-D009FB519B94}" dt="2021-04-14T17:07:22.671" v="57938" actId="1035"/>
          <ac:spMkLst>
            <pc:docMk/>
            <pc:sldMk cId="1472395308" sldId="1093"/>
            <ac:spMk id="267" creationId="{3FEEBF2A-5288-48D8-AA49-ACC869292372}"/>
          </ac:spMkLst>
        </pc:spChg>
        <pc:spChg chg="add mod ord modVis">
          <ac:chgData name="Gail Cross" userId="9e0fbb2e9583deed" providerId="LiveId" clId="{A07FF165-3693-497D-A997-D009FB519B94}" dt="2021-04-14T17:06:49.449" v="57838"/>
          <ac:spMkLst>
            <pc:docMk/>
            <pc:sldMk cId="1472395308" sldId="1093"/>
            <ac:spMk id="268" creationId="{0C737B8A-1161-4A22-9F33-8FF7A6FAD809}"/>
          </ac:spMkLst>
        </pc:spChg>
        <pc:spChg chg="add mod ord modVis">
          <ac:chgData name="Gail Cross" userId="9e0fbb2e9583deed" providerId="LiveId" clId="{A07FF165-3693-497D-A997-D009FB519B94}" dt="2021-04-14T17:06:49.449" v="57840"/>
          <ac:spMkLst>
            <pc:docMk/>
            <pc:sldMk cId="1472395308" sldId="1093"/>
            <ac:spMk id="269" creationId="{8D2FDDCC-1440-4DFC-9058-B52B12DEECBD}"/>
          </ac:spMkLst>
        </pc:spChg>
        <pc:spChg chg="add mod ord modVis">
          <ac:chgData name="Gail Cross" userId="9e0fbb2e9583deed" providerId="LiveId" clId="{A07FF165-3693-497D-A997-D009FB519B94}" dt="2021-04-14T17:06:49.449" v="57842"/>
          <ac:spMkLst>
            <pc:docMk/>
            <pc:sldMk cId="1472395308" sldId="1093"/>
            <ac:spMk id="270" creationId="{DAA4FA5E-A668-49FF-94EF-26F1A2FE28BB}"/>
          </ac:spMkLst>
        </pc:spChg>
        <pc:spChg chg="add mod ord modVis">
          <ac:chgData name="Gail Cross" userId="9e0fbb2e9583deed" providerId="LiveId" clId="{A07FF165-3693-497D-A997-D009FB519B94}" dt="2021-04-14T17:06:49.450" v="57844"/>
          <ac:spMkLst>
            <pc:docMk/>
            <pc:sldMk cId="1472395308" sldId="1093"/>
            <ac:spMk id="271" creationId="{C08197C4-6E41-40FD-B4E4-14AB4B280B0C}"/>
          </ac:spMkLst>
        </pc:spChg>
        <pc:spChg chg="add mod ord modVis">
          <ac:chgData name="Gail Cross" userId="9e0fbb2e9583deed" providerId="LiveId" clId="{A07FF165-3693-497D-A997-D009FB519B94}" dt="2021-04-14T17:06:49.450" v="57846"/>
          <ac:spMkLst>
            <pc:docMk/>
            <pc:sldMk cId="1472395308" sldId="1093"/>
            <ac:spMk id="272" creationId="{AA009AAB-5EF1-40DF-85BD-3DA6CE347384}"/>
          </ac:spMkLst>
        </pc:spChg>
        <pc:spChg chg="del mod">
          <ac:chgData name="Gail Cross" userId="9e0fbb2e9583deed" providerId="LiveId" clId="{A07FF165-3693-497D-A997-D009FB519B94}" dt="2021-04-14T16:59:39.817" v="44234"/>
          <ac:spMkLst>
            <pc:docMk/>
            <pc:sldMk cId="1472395308" sldId="1093"/>
            <ac:spMk id="273" creationId="{F7A558FD-2CBD-4B93-8930-799E404A028F}"/>
          </ac:spMkLst>
        </pc:spChg>
        <pc:spChg chg="del mod ord">
          <ac:chgData name="Gail Cross" userId="9e0fbb2e9583deed" providerId="LiveId" clId="{A07FF165-3693-497D-A997-D009FB519B94}" dt="2021-04-14T16:59:39.817" v="44231"/>
          <ac:spMkLst>
            <pc:docMk/>
            <pc:sldMk cId="1472395308" sldId="1093"/>
            <ac:spMk id="274" creationId="{11A7D15C-0A9A-4C46-889B-935036610921}"/>
          </ac:spMkLst>
        </pc:spChg>
        <pc:spChg chg="del mod ord">
          <ac:chgData name="Gail Cross" userId="9e0fbb2e9583deed" providerId="LiveId" clId="{A07FF165-3693-497D-A997-D009FB519B94}" dt="2021-04-14T16:59:39.817" v="44233"/>
          <ac:spMkLst>
            <pc:docMk/>
            <pc:sldMk cId="1472395308" sldId="1093"/>
            <ac:spMk id="275" creationId="{0E9930B3-0504-44D2-A5E6-548F0FE284F0}"/>
          </ac:spMkLst>
        </pc:spChg>
        <pc:spChg chg="del mod">
          <ac:chgData name="Gail Cross" userId="9e0fbb2e9583deed" providerId="LiveId" clId="{A07FF165-3693-497D-A997-D009FB519B94}" dt="2021-04-14T17:00:59.361" v="45807"/>
          <ac:spMkLst>
            <pc:docMk/>
            <pc:sldMk cId="1472395308" sldId="1093"/>
            <ac:spMk id="276" creationId="{2A93348B-E04A-4BE3-8E3F-A6739963BD3A}"/>
          </ac:spMkLst>
        </pc:spChg>
        <pc:spChg chg="del mod ord">
          <ac:chgData name="Gail Cross" userId="9e0fbb2e9583deed" providerId="LiveId" clId="{A07FF165-3693-497D-A997-D009FB519B94}" dt="2021-04-14T17:00:59.360" v="45804"/>
          <ac:spMkLst>
            <pc:docMk/>
            <pc:sldMk cId="1472395308" sldId="1093"/>
            <ac:spMk id="277" creationId="{69B6242E-D0D8-4E2A-9210-1FD831A324D7}"/>
          </ac:spMkLst>
        </pc:spChg>
        <pc:spChg chg="del mod ord">
          <ac:chgData name="Gail Cross" userId="9e0fbb2e9583deed" providerId="LiveId" clId="{A07FF165-3693-497D-A997-D009FB519B94}" dt="2021-04-14T17:00:59.361" v="45806"/>
          <ac:spMkLst>
            <pc:docMk/>
            <pc:sldMk cId="1472395308" sldId="1093"/>
            <ac:spMk id="278" creationId="{6E6249A7-E32E-4D18-9112-0C8178FCA34B}"/>
          </ac:spMkLst>
        </pc:spChg>
        <pc:spChg chg="add mod ord modVis">
          <ac:chgData name="Gail Cross" userId="9e0fbb2e9583deed" providerId="LiveId" clId="{A07FF165-3693-497D-A997-D009FB519B94}" dt="2021-04-14T17:06:49.450" v="57848"/>
          <ac:spMkLst>
            <pc:docMk/>
            <pc:sldMk cId="1472395308" sldId="1093"/>
            <ac:spMk id="279" creationId="{1F69E127-36C6-482C-B8FE-9E645BAAD1D1}"/>
          </ac:spMkLst>
        </pc:spChg>
        <pc:spChg chg="add mod ord modVis">
          <ac:chgData name="Gail Cross" userId="9e0fbb2e9583deed" providerId="LiveId" clId="{A07FF165-3693-497D-A997-D009FB519B94}" dt="2021-04-14T17:06:49.450" v="57850"/>
          <ac:spMkLst>
            <pc:docMk/>
            <pc:sldMk cId="1472395308" sldId="1093"/>
            <ac:spMk id="281" creationId="{00AB6417-40D8-4E61-B190-AB8DBE670772}"/>
          </ac:spMkLst>
        </pc:spChg>
        <pc:spChg chg="add mod ord modVis">
          <ac:chgData name="Gail Cross" userId="9e0fbb2e9583deed" providerId="LiveId" clId="{A07FF165-3693-497D-A997-D009FB519B94}" dt="2021-04-14T17:06:49.451" v="57852"/>
          <ac:spMkLst>
            <pc:docMk/>
            <pc:sldMk cId="1472395308" sldId="1093"/>
            <ac:spMk id="282" creationId="{5B84CC5F-1972-4F98-95D8-763D12FC56B3}"/>
          </ac:spMkLst>
        </pc:spChg>
        <pc:spChg chg="add mod ord modVis">
          <ac:chgData name="Gail Cross" userId="9e0fbb2e9583deed" providerId="LiveId" clId="{A07FF165-3693-497D-A997-D009FB519B94}" dt="2021-04-14T17:06:49.452" v="57854"/>
          <ac:spMkLst>
            <pc:docMk/>
            <pc:sldMk cId="1472395308" sldId="1093"/>
            <ac:spMk id="283" creationId="{6A5102AE-1A4D-4AA2-8D28-7048D311793C}"/>
          </ac:spMkLst>
        </pc:spChg>
        <pc:spChg chg="add mod ord modVis">
          <ac:chgData name="Gail Cross" userId="9e0fbb2e9583deed" providerId="LiveId" clId="{A07FF165-3693-497D-A997-D009FB519B94}" dt="2021-04-14T17:06:49.452" v="57856"/>
          <ac:spMkLst>
            <pc:docMk/>
            <pc:sldMk cId="1472395308" sldId="1093"/>
            <ac:spMk id="284" creationId="{647BE14F-2928-4D1B-BFFD-AEE30B2F37B7}"/>
          </ac:spMkLst>
        </pc:spChg>
        <pc:spChg chg="add mod ord modVis">
          <ac:chgData name="Gail Cross" userId="9e0fbb2e9583deed" providerId="LiveId" clId="{A07FF165-3693-497D-A997-D009FB519B94}" dt="2021-04-14T17:06:49.452" v="57858"/>
          <ac:spMkLst>
            <pc:docMk/>
            <pc:sldMk cId="1472395308" sldId="1093"/>
            <ac:spMk id="285" creationId="{019CAEF4-9244-48A9-AC8D-535A71900A09}"/>
          </ac:spMkLst>
        </pc:spChg>
        <pc:spChg chg="add del mod ord modVis">
          <ac:chgData name="Gail Cross" userId="9e0fbb2e9583deed" providerId="LiveId" clId="{A07FF165-3693-497D-A997-D009FB519B94}" dt="2021-04-14T17:05:42.249" v="55320"/>
          <ac:spMkLst>
            <pc:docMk/>
            <pc:sldMk cId="1472395308" sldId="1093"/>
            <ac:spMk id="286" creationId="{6BCB8BA8-FE91-4990-AB57-779811E92008}"/>
          </ac:spMkLst>
        </pc:spChg>
        <pc:spChg chg="add del mod ord modVis">
          <ac:chgData name="Gail Cross" userId="9e0fbb2e9583deed" providerId="LiveId" clId="{A07FF165-3693-497D-A997-D009FB519B94}" dt="2021-04-14T17:05:42.249" v="55322"/>
          <ac:spMkLst>
            <pc:docMk/>
            <pc:sldMk cId="1472395308" sldId="1093"/>
            <ac:spMk id="287" creationId="{747207C1-4A31-49AF-8408-016906E80981}"/>
          </ac:spMkLst>
        </pc:spChg>
        <pc:spChg chg="add mod ord modVis">
          <ac:chgData name="Gail Cross" userId="9e0fbb2e9583deed" providerId="LiveId" clId="{A07FF165-3693-497D-A997-D009FB519B94}" dt="2021-04-14T17:06:49.453" v="57860"/>
          <ac:spMkLst>
            <pc:docMk/>
            <pc:sldMk cId="1472395308" sldId="1093"/>
            <ac:spMk id="288" creationId="{4B317C08-0041-4C85-AB7D-282FD1E639D9}"/>
          </ac:spMkLst>
        </pc:spChg>
        <pc:spChg chg="add mod ord modVis">
          <ac:chgData name="Gail Cross" userId="9e0fbb2e9583deed" providerId="LiveId" clId="{A07FF165-3693-497D-A997-D009FB519B94}" dt="2021-04-14T17:06:49.453" v="57862"/>
          <ac:spMkLst>
            <pc:docMk/>
            <pc:sldMk cId="1472395308" sldId="1093"/>
            <ac:spMk id="289" creationId="{28763E48-567C-473C-AA71-53572C3F3B1C}"/>
          </ac:spMkLst>
        </pc:spChg>
        <pc:spChg chg="add mod ord modVis">
          <ac:chgData name="Gail Cross" userId="9e0fbb2e9583deed" providerId="LiveId" clId="{A07FF165-3693-497D-A997-D009FB519B94}" dt="2021-04-14T17:06:49.453" v="57864"/>
          <ac:spMkLst>
            <pc:docMk/>
            <pc:sldMk cId="1472395308" sldId="1093"/>
            <ac:spMk id="290" creationId="{12C8EA50-17EB-4E12-9361-050665E683A3}"/>
          </ac:spMkLst>
        </pc:spChg>
        <pc:spChg chg="add mod">
          <ac:chgData name="Gail Cross" userId="9e0fbb2e9583deed" providerId="LiveId" clId="{A07FF165-3693-497D-A997-D009FB519B94}" dt="2021-04-14T17:06:58.916" v="57913" actId="1036"/>
          <ac:spMkLst>
            <pc:docMk/>
            <pc:sldMk cId="1472395308" sldId="1093"/>
            <ac:spMk id="291" creationId="{06C0011F-4C22-4546-A0D2-A2397B11363B}"/>
          </ac:spMkLst>
        </pc:spChg>
        <pc:spChg chg="add mod modVis">
          <ac:chgData name="Gail Cross" userId="9e0fbb2e9583deed" providerId="LiveId" clId="{A07FF165-3693-497D-A997-D009FB519B94}" dt="2021-04-14T17:06:49.407" v="57549"/>
          <ac:spMkLst>
            <pc:docMk/>
            <pc:sldMk cId="1472395308" sldId="1093"/>
            <ac:spMk id="292" creationId="{D3C318A1-FC63-43B2-88AF-915C546F3DCB}"/>
          </ac:spMkLst>
        </pc:spChg>
        <pc:spChg chg="add mod ord modVis">
          <ac:chgData name="Gail Cross" userId="9e0fbb2e9583deed" providerId="LiveId" clId="{A07FF165-3693-497D-A997-D009FB519B94}" dt="2021-04-14T17:06:49.454" v="57866"/>
          <ac:spMkLst>
            <pc:docMk/>
            <pc:sldMk cId="1472395308" sldId="1093"/>
            <ac:spMk id="293" creationId="{3732591D-05C5-44DA-AD1F-72F541D17183}"/>
          </ac:spMkLst>
        </pc:spChg>
        <pc:spChg chg="add mod">
          <ac:chgData name="Gail Cross" userId="9e0fbb2e9583deed" providerId="LiveId" clId="{A07FF165-3693-497D-A997-D009FB519B94}" dt="2021-04-14T17:06:58.916" v="57913" actId="1036"/>
          <ac:spMkLst>
            <pc:docMk/>
            <pc:sldMk cId="1472395308" sldId="1093"/>
            <ac:spMk id="294" creationId="{3E6D37EB-CE65-41C0-934E-E73FC491BB80}"/>
          </ac:spMkLst>
        </pc:spChg>
        <pc:spChg chg="add mod modVis">
          <ac:chgData name="Gail Cross" userId="9e0fbb2e9583deed" providerId="LiveId" clId="{A07FF165-3693-497D-A997-D009FB519B94}" dt="2021-04-14T17:06:49.407" v="57550"/>
          <ac:spMkLst>
            <pc:docMk/>
            <pc:sldMk cId="1472395308" sldId="1093"/>
            <ac:spMk id="295" creationId="{8973B2BE-85F7-4576-B7A2-D01C1584137B}"/>
          </ac:spMkLst>
        </pc:spChg>
        <pc:spChg chg="add mod ord modVis">
          <ac:chgData name="Gail Cross" userId="9e0fbb2e9583deed" providerId="LiveId" clId="{A07FF165-3693-497D-A997-D009FB519B94}" dt="2021-04-14T17:06:49.454" v="57868"/>
          <ac:spMkLst>
            <pc:docMk/>
            <pc:sldMk cId="1472395308" sldId="1093"/>
            <ac:spMk id="296" creationId="{7EFD8012-2226-4EBC-A7CE-6F9C5721DA72}"/>
          </ac:spMkLst>
        </pc:spChg>
        <pc:spChg chg="add mod ord modVis">
          <ac:chgData name="Gail Cross" userId="9e0fbb2e9583deed" providerId="LiveId" clId="{A07FF165-3693-497D-A997-D009FB519B94}" dt="2021-04-14T17:06:49.454" v="57870"/>
          <ac:spMkLst>
            <pc:docMk/>
            <pc:sldMk cId="1472395308" sldId="1093"/>
            <ac:spMk id="297" creationId="{962A3A83-1C62-40D9-A57C-ECEF81FCCD1C}"/>
          </ac:spMkLst>
        </pc:spChg>
        <pc:picChg chg="mod ord">
          <ac:chgData name="Gail Cross" userId="9e0fbb2e9583deed" providerId="LiveId" clId="{A07FF165-3693-497D-A997-D009FB519B94}" dt="2021-04-14T17:06:49.553" v="57887"/>
          <ac:picMkLst>
            <pc:docMk/>
            <pc:sldMk cId="1472395308" sldId="1093"/>
            <ac:picMk id="280" creationId="{F49A0E38-1A9B-4E9F-817A-D5FBD4996430}"/>
          </ac:picMkLst>
        </pc:picChg>
        <pc:cxnChg chg="mod ord">
          <ac:chgData name="Gail Cross" userId="9e0fbb2e9583deed" providerId="LiveId" clId="{A07FF165-3693-497D-A997-D009FB519B94}" dt="2021-04-14T17:06:58.916" v="57913" actId="1036"/>
          <ac:cxnSpMkLst>
            <pc:docMk/>
            <pc:sldMk cId="1472395308" sldId="1093"/>
            <ac:cxnSpMk id="15" creationId="{A0B18232-9F0F-4FAC-8673-F37B381A2CE9}"/>
          </ac:cxnSpMkLst>
        </pc:cxnChg>
        <pc:cxnChg chg="mod ord">
          <ac:chgData name="Gail Cross" userId="9e0fbb2e9583deed" providerId="LiveId" clId="{A07FF165-3693-497D-A997-D009FB519B94}" dt="2021-04-14T17:06:58.916" v="57913" actId="1036"/>
          <ac:cxnSpMkLst>
            <pc:docMk/>
            <pc:sldMk cId="1472395308" sldId="1093"/>
            <ac:cxnSpMk id="22" creationId="{AE3FBC68-433C-4CC0-B67E-814378D514AB}"/>
          </ac:cxnSpMkLst>
        </pc:cxnChg>
        <pc:cxnChg chg="mod ord">
          <ac:chgData name="Gail Cross" userId="9e0fbb2e9583deed" providerId="LiveId" clId="{A07FF165-3693-497D-A997-D009FB519B94}" dt="2021-04-14T17:06:58.916" v="57913" actId="1036"/>
          <ac:cxnSpMkLst>
            <pc:docMk/>
            <pc:sldMk cId="1472395308" sldId="1093"/>
            <ac:cxnSpMk id="23" creationId="{3E50032C-6696-45B4-92AB-D496242F3F3B}"/>
          </ac:cxnSpMkLst>
        </pc:cxnChg>
        <pc:cxnChg chg="mod ord">
          <ac:chgData name="Gail Cross" userId="9e0fbb2e9583deed" providerId="LiveId" clId="{A07FF165-3693-497D-A997-D009FB519B94}" dt="2021-04-14T17:06:58.916" v="57913" actId="1036"/>
          <ac:cxnSpMkLst>
            <pc:docMk/>
            <pc:sldMk cId="1472395308" sldId="1093"/>
            <ac:cxnSpMk id="24" creationId="{271E1BA0-BF0E-40AE-819D-C636ED3D24F4}"/>
          </ac:cxnSpMkLst>
        </pc:cxnChg>
        <pc:cxnChg chg="mod ord">
          <ac:chgData name="Gail Cross" userId="9e0fbb2e9583deed" providerId="LiveId" clId="{A07FF165-3693-497D-A997-D009FB519B94}" dt="2021-04-14T17:06:58.916" v="57913" actId="1036"/>
          <ac:cxnSpMkLst>
            <pc:docMk/>
            <pc:sldMk cId="1472395308" sldId="1093"/>
            <ac:cxnSpMk id="25" creationId="{D67FA2CB-03AB-48B2-9177-D90276F806FC}"/>
          </ac:cxnSpMkLst>
        </pc:cxnChg>
        <pc:cxnChg chg="mod ord">
          <ac:chgData name="Gail Cross" userId="9e0fbb2e9583deed" providerId="LiveId" clId="{A07FF165-3693-497D-A997-D009FB519B94}" dt="2021-04-14T17:06:58.916" v="57913" actId="1036"/>
          <ac:cxnSpMkLst>
            <pc:docMk/>
            <pc:sldMk cId="1472395308" sldId="1093"/>
            <ac:cxnSpMk id="48" creationId="{2B0A9015-0D91-49F7-AB06-583271B93D9D}"/>
          </ac:cxnSpMkLst>
        </pc:cxnChg>
        <pc:cxnChg chg="mod ord">
          <ac:chgData name="Gail Cross" userId="9e0fbb2e9583deed" providerId="LiveId" clId="{A07FF165-3693-497D-A997-D009FB519B94}" dt="2021-04-14T17:06:58.916" v="57913" actId="1036"/>
          <ac:cxnSpMkLst>
            <pc:docMk/>
            <pc:sldMk cId="1472395308" sldId="1093"/>
            <ac:cxnSpMk id="49" creationId="{364B5483-7BF5-4336-B2A9-BDA7D70FF93E}"/>
          </ac:cxnSpMkLst>
        </pc:cxnChg>
        <pc:cxnChg chg="add mod ord">
          <ac:chgData name="Gail Cross" userId="9e0fbb2e9583deed" providerId="LiveId" clId="{A07FF165-3693-497D-A997-D009FB519B94}" dt="2021-04-14T17:06:58.916" v="57913" actId="1036"/>
          <ac:cxnSpMkLst>
            <pc:docMk/>
            <pc:sldMk cId="1472395308" sldId="1093"/>
            <ac:cxnSpMk id="86" creationId="{20CC5558-731C-4ACB-8A1B-CD0B0B9281D2}"/>
          </ac:cxnSpMkLst>
        </pc:cxnChg>
        <pc:cxnChg chg="mod ord">
          <ac:chgData name="Gail Cross" userId="9e0fbb2e9583deed" providerId="LiveId" clId="{A07FF165-3693-497D-A997-D009FB519B94}" dt="2021-04-14T17:06:58.916" v="57913" actId="1036"/>
          <ac:cxnSpMkLst>
            <pc:docMk/>
            <pc:sldMk cId="1472395308" sldId="1093"/>
            <ac:cxnSpMk id="213" creationId="{61B126D3-767F-4ABA-8D3E-0B9348426AE0}"/>
          </ac:cxnSpMkLst>
        </pc:cxnChg>
        <pc:cxnChg chg="mod ord">
          <ac:chgData name="Gail Cross" userId="9e0fbb2e9583deed" providerId="LiveId" clId="{A07FF165-3693-497D-A997-D009FB519B94}" dt="2021-04-14T17:07:30.945" v="57940" actId="14100"/>
          <ac:cxnSpMkLst>
            <pc:docMk/>
            <pc:sldMk cId="1472395308" sldId="1093"/>
            <ac:cxnSpMk id="258" creationId="{2562958C-DEF7-4341-BEAF-35C4BE472B25}"/>
          </ac:cxnSpMkLst>
        </pc:cxnChg>
      </pc:sldChg>
      <pc:sldChg chg="addSp delSp modSp mod chgLayout modNotesTx">
        <pc:chgData name="Gail Cross" userId="9e0fbb2e9583deed" providerId="LiveId" clId="{A07FF165-3693-497D-A997-D009FB519B94}" dt="2021-04-15T04:22:50.131" v="60889" actId="478"/>
        <pc:sldMkLst>
          <pc:docMk/>
          <pc:sldMk cId="1493034255" sldId="1097"/>
        </pc:sldMkLst>
        <pc:spChg chg="mod ord">
          <ac:chgData name="Gail Cross" userId="9e0fbb2e9583deed" providerId="LiveId" clId="{A07FF165-3693-497D-A997-D009FB519B94}" dt="2021-04-15T04:17:17.678" v="60674" actId="700"/>
          <ac:spMkLst>
            <pc:docMk/>
            <pc:sldMk cId="1493034255" sldId="1097"/>
            <ac:spMk id="2" creationId="{0F9F0C33-F9DD-4867-85B8-0DFA45EEC682}"/>
          </ac:spMkLst>
        </pc:spChg>
        <pc:spChg chg="add del mod">
          <ac:chgData name="Gail Cross" userId="9e0fbb2e9583deed" providerId="LiveId" clId="{A07FF165-3693-497D-A997-D009FB519B94}" dt="2021-04-15T04:22:50.131" v="60889" actId="478"/>
          <ac:spMkLst>
            <pc:docMk/>
            <pc:sldMk cId="1493034255" sldId="1097"/>
            <ac:spMk id="3" creationId="{EF85E70B-0F41-4977-8BE6-9B11150183BE}"/>
          </ac:spMkLst>
        </pc:spChg>
        <pc:spChg chg="del mod ord">
          <ac:chgData name="Gail Cross" userId="9e0fbb2e9583deed" providerId="LiveId" clId="{A07FF165-3693-497D-A997-D009FB519B94}" dt="2021-04-15T04:17:25.210" v="60675" actId="478"/>
          <ac:spMkLst>
            <pc:docMk/>
            <pc:sldMk cId="1493034255" sldId="1097"/>
            <ac:spMk id="4" creationId="{5151BA14-D9D7-472D-849D-96A957919929}"/>
          </ac:spMkLst>
        </pc:spChg>
        <pc:spChg chg="add mod">
          <ac:chgData name="Gail Cross" userId="9e0fbb2e9583deed" providerId="LiveId" clId="{A07FF165-3693-497D-A997-D009FB519B94}" dt="2021-04-15T04:22:39.241" v="60885" actId="20578"/>
          <ac:spMkLst>
            <pc:docMk/>
            <pc:sldMk cId="1493034255" sldId="1097"/>
            <ac:spMk id="7" creationId="{2C71919F-EC38-4705-9B0E-8CC9FF5169AA}"/>
          </ac:spMkLst>
        </pc:spChg>
        <pc:picChg chg="mod ord modCrop">
          <ac:chgData name="Gail Cross" userId="9e0fbb2e9583deed" providerId="LiveId" clId="{A07FF165-3693-497D-A997-D009FB519B94}" dt="2021-04-15T04:18:01.439" v="60687" actId="1076"/>
          <ac:picMkLst>
            <pc:docMk/>
            <pc:sldMk cId="1493034255" sldId="1097"/>
            <ac:picMk id="6" creationId="{AFBBC6DC-F2B2-466D-B5A2-3F50713406C4}"/>
          </ac:picMkLst>
        </pc:picChg>
      </pc:sldChg>
      <pc:sldChg chg="addSp delSp modSp new del mod ord">
        <pc:chgData name="Gail Cross" userId="9e0fbb2e9583deed" providerId="LiveId" clId="{A07FF165-3693-497D-A997-D009FB519B94}" dt="2021-04-15T03:34:16.808" v="59877" actId="47"/>
        <pc:sldMkLst>
          <pc:docMk/>
          <pc:sldMk cId="1590064307" sldId="1098"/>
        </pc:sldMkLst>
        <pc:spChg chg="mod">
          <ac:chgData name="Gail Cross" userId="9e0fbb2e9583deed" providerId="LiveId" clId="{A07FF165-3693-497D-A997-D009FB519B94}" dt="2021-04-14T14:11:33.115" v="36184" actId="20577"/>
          <ac:spMkLst>
            <pc:docMk/>
            <pc:sldMk cId="1590064307" sldId="1098"/>
            <ac:spMk id="2" creationId="{F9EACF21-2A3E-4D6A-A40A-A4ECE91A078B}"/>
          </ac:spMkLst>
        </pc:spChg>
        <pc:spChg chg="mod">
          <ac:chgData name="Gail Cross" userId="9e0fbb2e9583deed" providerId="LiveId" clId="{A07FF165-3693-497D-A997-D009FB519B94}" dt="2021-04-14T14:11:45.417" v="36199" actId="20577"/>
          <ac:spMkLst>
            <pc:docMk/>
            <pc:sldMk cId="1590064307" sldId="1098"/>
            <ac:spMk id="3" creationId="{F1A0B1DC-7949-4BC3-8918-54ABDB4F4D55}"/>
          </ac:spMkLst>
        </pc:spChg>
        <pc:graphicFrameChg chg="add del">
          <ac:chgData name="Gail Cross" userId="9e0fbb2e9583deed" providerId="LiveId" clId="{A07FF165-3693-497D-A997-D009FB519B94}" dt="2021-04-15T03:08:31.733" v="58949" actId="21"/>
          <ac:graphicFrameMkLst>
            <pc:docMk/>
            <pc:sldMk cId="1590064307" sldId="1098"/>
            <ac:graphicFrameMk id="4" creationId="{70F3971E-7880-4373-8479-294494767633}"/>
          </ac:graphicFrameMkLst>
        </pc:graphicFrameChg>
      </pc:sldChg>
      <pc:sldChg chg="addSp delSp modSp new del mod modShow modNotesTx">
        <pc:chgData name="Gail Cross" userId="9e0fbb2e9583deed" providerId="LiveId" clId="{A07FF165-3693-497D-A997-D009FB519B94}" dt="2021-04-14T16:35:45.591" v="39625" actId="2696"/>
        <pc:sldMkLst>
          <pc:docMk/>
          <pc:sldMk cId="3004994983" sldId="1099"/>
        </pc:sldMkLst>
        <pc:spChg chg="mod">
          <ac:chgData name="Gail Cross" userId="9e0fbb2e9583deed" providerId="LiveId" clId="{A07FF165-3693-497D-A997-D009FB519B94}" dt="2021-04-13T08:42:38.014" v="22957" actId="20577"/>
          <ac:spMkLst>
            <pc:docMk/>
            <pc:sldMk cId="3004994983" sldId="1099"/>
            <ac:spMk id="2" creationId="{F3411973-DFD7-4DA3-AE85-CC79FDC245AA}"/>
          </ac:spMkLst>
        </pc:spChg>
        <pc:spChg chg="del">
          <ac:chgData name="Gail Cross" userId="9e0fbb2e9583deed" providerId="LiveId" clId="{A07FF165-3693-497D-A997-D009FB519B94}" dt="2021-04-13T08:47:30.712" v="23119"/>
          <ac:spMkLst>
            <pc:docMk/>
            <pc:sldMk cId="3004994983" sldId="1099"/>
            <ac:spMk id="3" creationId="{1D1379A6-1A31-40C1-AC76-F44509C1A8B4}"/>
          </ac:spMkLst>
        </pc:spChg>
        <pc:spChg chg="del">
          <ac:chgData name="Gail Cross" userId="9e0fbb2e9583deed" providerId="LiveId" clId="{A07FF165-3693-497D-A997-D009FB519B94}" dt="2021-04-13T08:46:02.641" v="22958" actId="22"/>
          <ac:spMkLst>
            <pc:docMk/>
            <pc:sldMk cId="3004994983" sldId="1099"/>
            <ac:spMk id="4" creationId="{E861FC8E-8A4E-497D-87FC-0958B7A614AC}"/>
          </ac:spMkLst>
        </pc:spChg>
        <pc:spChg chg="add mod">
          <ac:chgData name="Gail Cross" userId="9e0fbb2e9583deed" providerId="LiveId" clId="{A07FF165-3693-497D-A997-D009FB519B94}" dt="2021-04-13T08:56:38.972" v="23654" actId="1076"/>
          <ac:spMkLst>
            <pc:docMk/>
            <pc:sldMk cId="3004994983" sldId="1099"/>
            <ac:spMk id="7" creationId="{BD56E7F5-2B7B-4B34-ACFA-75ED0451EF0D}"/>
          </ac:spMkLst>
        </pc:spChg>
        <pc:spChg chg="add mod">
          <ac:chgData name="Gail Cross" userId="9e0fbb2e9583deed" providerId="LiveId" clId="{A07FF165-3693-497D-A997-D009FB519B94}" dt="2021-04-13T08:51:20.101" v="23345" actId="692"/>
          <ac:spMkLst>
            <pc:docMk/>
            <pc:sldMk cId="3004994983" sldId="1099"/>
            <ac:spMk id="8" creationId="{9496D218-32E2-4EAF-ADC2-83CBF7A06CF0}"/>
          </ac:spMkLst>
        </pc:spChg>
        <pc:picChg chg="add mod ord">
          <ac:chgData name="Gail Cross" userId="9e0fbb2e9583deed" providerId="LiveId" clId="{A07FF165-3693-497D-A997-D009FB519B94}" dt="2021-04-13T08:50:32.845" v="23310" actId="14100"/>
          <ac:picMkLst>
            <pc:docMk/>
            <pc:sldMk cId="3004994983" sldId="1099"/>
            <ac:picMk id="6" creationId="{7C9F4A6D-F000-439F-9601-920175AE1848}"/>
          </ac:picMkLst>
        </pc:picChg>
        <pc:picChg chg="add mod">
          <ac:chgData name="Gail Cross" userId="9e0fbb2e9583deed" providerId="LiveId" clId="{A07FF165-3693-497D-A997-D009FB519B94}" dt="2021-04-13T08:56:31.647" v="23652" actId="14100"/>
          <ac:picMkLst>
            <pc:docMk/>
            <pc:sldMk cId="3004994983" sldId="1099"/>
            <ac:picMk id="3074" creationId="{13E93ECA-11AE-4ED2-AE4E-2D7683806764}"/>
          </ac:picMkLst>
        </pc:picChg>
      </pc:sldChg>
      <pc:sldChg chg="addSp delSp modSp new mod ord modClrScheme chgLayout">
        <pc:chgData name="Gail Cross" userId="9e0fbb2e9583deed" providerId="LiveId" clId="{A07FF165-3693-497D-A997-D009FB519B94}" dt="2021-04-14T13:29:45.714" v="35568" actId="114"/>
        <pc:sldMkLst>
          <pc:docMk/>
          <pc:sldMk cId="320023527" sldId="1100"/>
        </pc:sldMkLst>
        <pc:spChg chg="del mod ord">
          <ac:chgData name="Gail Cross" userId="9e0fbb2e9583deed" providerId="LiveId" clId="{A07FF165-3693-497D-A997-D009FB519B94}" dt="2021-04-13T10:49:07.741" v="26527" actId="700"/>
          <ac:spMkLst>
            <pc:docMk/>
            <pc:sldMk cId="320023527" sldId="1100"/>
            <ac:spMk id="2" creationId="{D1F92C0E-705B-40B3-99C3-6B9100A28A82}"/>
          </ac:spMkLst>
        </pc:spChg>
        <pc:spChg chg="del mod ord">
          <ac:chgData name="Gail Cross" userId="9e0fbb2e9583deed" providerId="LiveId" clId="{A07FF165-3693-497D-A997-D009FB519B94}" dt="2021-04-13T10:49:07.741" v="26527" actId="700"/>
          <ac:spMkLst>
            <pc:docMk/>
            <pc:sldMk cId="320023527" sldId="1100"/>
            <ac:spMk id="3" creationId="{D7783AE1-3C4C-4C6C-845E-07E0F8E16ACB}"/>
          </ac:spMkLst>
        </pc:spChg>
        <pc:spChg chg="add mod ord">
          <ac:chgData name="Gail Cross" userId="9e0fbb2e9583deed" providerId="LiveId" clId="{A07FF165-3693-497D-A997-D009FB519B94}" dt="2021-04-14T13:29:45.714" v="35568" actId="114"/>
          <ac:spMkLst>
            <pc:docMk/>
            <pc:sldMk cId="320023527" sldId="1100"/>
            <ac:spMk id="4" creationId="{176ADE7B-188C-4544-832D-754B45D4A565}"/>
          </ac:spMkLst>
        </pc:spChg>
        <pc:spChg chg="add mod ord">
          <ac:chgData name="Gail Cross" userId="9e0fbb2e9583deed" providerId="LiveId" clId="{A07FF165-3693-497D-A997-D009FB519B94}" dt="2021-04-13T10:49:07.741" v="26527" actId="700"/>
          <ac:spMkLst>
            <pc:docMk/>
            <pc:sldMk cId="320023527" sldId="1100"/>
            <ac:spMk id="5" creationId="{F0C5152E-6CB6-43AC-9D31-FC41618AAF0B}"/>
          </ac:spMkLst>
        </pc:spChg>
      </pc:sldChg>
      <pc:sldChg chg="addSp delSp modSp new del mod ord modAnim modNotesTx">
        <pc:chgData name="Gail Cross" userId="9e0fbb2e9583deed" providerId="LiveId" clId="{A07FF165-3693-497D-A997-D009FB519B94}" dt="2021-04-15T10:30:14.892" v="62636" actId="2696"/>
        <pc:sldMkLst>
          <pc:docMk/>
          <pc:sldMk cId="1721085877" sldId="1101"/>
        </pc:sldMkLst>
        <pc:spChg chg="del mod">
          <ac:chgData name="Gail Cross" userId="9e0fbb2e9583deed" providerId="LiveId" clId="{A07FF165-3693-497D-A997-D009FB519B94}" dt="2021-04-14T01:50:40.588" v="27173" actId="21"/>
          <ac:spMkLst>
            <pc:docMk/>
            <pc:sldMk cId="1721085877" sldId="1101"/>
            <ac:spMk id="2" creationId="{F9D32CF2-8F21-43CB-A39F-75EE57055258}"/>
          </ac:spMkLst>
        </pc:spChg>
        <pc:spChg chg="del">
          <ac:chgData name="Gail Cross" userId="9e0fbb2e9583deed" providerId="LiveId" clId="{A07FF165-3693-497D-A997-D009FB519B94}" dt="2021-04-14T05:49:29.504" v="31018" actId="3680"/>
          <ac:spMkLst>
            <pc:docMk/>
            <pc:sldMk cId="1721085877" sldId="1101"/>
            <ac:spMk id="3" creationId="{9E458A41-EDD4-4271-A329-55E4006A015A}"/>
          </ac:spMkLst>
        </pc:spChg>
        <pc:spChg chg="add mod">
          <ac:chgData name="Gail Cross" userId="9e0fbb2e9583deed" providerId="LiveId" clId="{A07FF165-3693-497D-A997-D009FB519B94}" dt="2021-04-14T06:26:35.296" v="32075" actId="14100"/>
          <ac:spMkLst>
            <pc:docMk/>
            <pc:sldMk cId="1721085877" sldId="1101"/>
            <ac:spMk id="5" creationId="{11E4A2AF-7582-4A25-84A2-115DE7048109}"/>
          </ac:spMkLst>
        </pc:spChg>
        <pc:spChg chg="add mod">
          <ac:chgData name="Gail Cross" userId="9e0fbb2e9583deed" providerId="LiveId" clId="{A07FF165-3693-497D-A997-D009FB519B94}" dt="2021-04-14T12:38:08.769" v="33771" actId="1076"/>
          <ac:spMkLst>
            <pc:docMk/>
            <pc:sldMk cId="1721085877" sldId="1101"/>
            <ac:spMk id="9" creationId="{21FC161A-0E5D-4BD0-AF49-EBF00F3C0653}"/>
          </ac:spMkLst>
        </pc:spChg>
        <pc:graphicFrameChg chg="add mod ord modGraphic">
          <ac:chgData name="Gail Cross" userId="9e0fbb2e9583deed" providerId="LiveId" clId="{A07FF165-3693-497D-A997-D009FB519B94}" dt="2021-04-14T13:27:11.706" v="35554" actId="113"/>
          <ac:graphicFrameMkLst>
            <pc:docMk/>
            <pc:sldMk cId="1721085877" sldId="1101"/>
            <ac:graphicFrameMk id="6" creationId="{0CFBF534-8027-42D1-B420-30C3E40A0281}"/>
          </ac:graphicFrameMkLst>
        </pc:graphicFrameChg>
        <pc:picChg chg="add mod">
          <ac:chgData name="Gail Cross" userId="9e0fbb2e9583deed" providerId="LiveId" clId="{A07FF165-3693-497D-A997-D009FB519B94}" dt="2021-04-14T12:13:12.137" v="32534" actId="1076"/>
          <ac:picMkLst>
            <pc:docMk/>
            <pc:sldMk cId="1721085877" sldId="1101"/>
            <ac:picMk id="8" creationId="{84532B6C-8217-4613-B79B-0FD2F66F7855}"/>
          </ac:picMkLst>
        </pc:picChg>
      </pc:sldChg>
      <pc:sldChg chg="addSp delSp modSp add del mod">
        <pc:chgData name="Gail Cross" userId="9e0fbb2e9583deed" providerId="LiveId" clId="{A07FF165-3693-497D-A997-D009FB519B94}" dt="2021-04-14T06:25:10.845" v="31988" actId="47"/>
        <pc:sldMkLst>
          <pc:docMk/>
          <pc:sldMk cId="633499967" sldId="1102"/>
        </pc:sldMkLst>
        <pc:spChg chg="add mod ord modVis">
          <ac:chgData name="Gail Cross" userId="9e0fbb2e9583deed" providerId="LiveId" clId="{A07FF165-3693-497D-A997-D009FB519B94}" dt="2021-04-14T05:38:20.196" v="30707"/>
          <ac:spMkLst>
            <pc:docMk/>
            <pc:sldMk cId="633499967" sldId="1102"/>
            <ac:spMk id="2" creationId="{E7D6E1D1-6191-4C91-AC45-53ADB479942A}"/>
          </ac:spMkLst>
        </pc:spChg>
        <pc:spChg chg="add mod ord">
          <ac:chgData name="Gail Cross" userId="9e0fbb2e9583deed" providerId="LiveId" clId="{A07FF165-3693-497D-A997-D009FB519B94}" dt="2021-04-14T05:51:30.173" v="31027"/>
          <ac:spMkLst>
            <pc:docMk/>
            <pc:sldMk cId="633499967" sldId="1102"/>
            <ac:spMk id="3" creationId="{0F6870DA-599D-420A-A143-F35CC4CA6E68}"/>
          </ac:spMkLst>
        </pc:spChg>
        <pc:spChg chg="add mod">
          <ac:chgData name="Gail Cross" userId="9e0fbb2e9583deed" providerId="LiveId" clId="{A07FF165-3693-497D-A997-D009FB519B94}" dt="2021-04-14T05:51:30.173" v="31028"/>
          <ac:spMkLst>
            <pc:docMk/>
            <pc:sldMk cId="633499967" sldId="1102"/>
            <ac:spMk id="4" creationId="{CF931630-A914-4B07-87D5-1E63DF4C58EA}"/>
          </ac:spMkLst>
        </pc:spChg>
        <pc:spChg chg="add mod modVis">
          <ac:chgData name="Gail Cross" userId="9e0fbb2e9583deed" providerId="LiveId" clId="{A07FF165-3693-497D-A997-D009FB519B94}" dt="2021-04-14T05:38:20.202" v="30755"/>
          <ac:spMkLst>
            <pc:docMk/>
            <pc:sldMk cId="633499967" sldId="1102"/>
            <ac:spMk id="5" creationId="{BC53F8DF-BA11-458D-A631-6615AE2CC3D8}"/>
          </ac:spMkLst>
        </pc:spChg>
        <pc:spChg chg="add mod modVis">
          <ac:chgData name="Gail Cross" userId="9e0fbb2e9583deed" providerId="LiveId" clId="{A07FF165-3693-497D-A997-D009FB519B94}" dt="2021-04-14T05:51:30.175" v="31030"/>
          <ac:spMkLst>
            <pc:docMk/>
            <pc:sldMk cId="633499967" sldId="1102"/>
            <ac:spMk id="6" creationId="{19B49805-7E2F-457B-B5D6-1A4FF5B4EEFD}"/>
          </ac:spMkLst>
        </pc:spChg>
        <pc:spChg chg="add mod ord modVis">
          <ac:chgData name="Gail Cross" userId="9e0fbb2e9583deed" providerId="LiveId" clId="{A07FF165-3693-497D-A997-D009FB519B94}" dt="2021-04-14T05:38:20.203" v="30758"/>
          <ac:spMkLst>
            <pc:docMk/>
            <pc:sldMk cId="633499967" sldId="1102"/>
            <ac:spMk id="7" creationId="{F6C0E780-2994-43EE-9548-2F76473CA990}"/>
          </ac:spMkLst>
        </pc:spChg>
        <pc:spChg chg="add mod ord">
          <ac:chgData name="Gail Cross" userId="9e0fbb2e9583deed" providerId="LiveId" clId="{A07FF165-3693-497D-A997-D009FB519B94}" dt="2021-04-14T05:51:30.175" v="31032"/>
          <ac:spMkLst>
            <pc:docMk/>
            <pc:sldMk cId="633499967" sldId="1102"/>
            <ac:spMk id="8" creationId="{84CD3FAA-3558-4E8A-8E98-64EA07866E86}"/>
          </ac:spMkLst>
        </pc:spChg>
        <pc:spChg chg="add mod ord">
          <ac:chgData name="Gail Cross" userId="9e0fbb2e9583deed" providerId="LiveId" clId="{A07FF165-3693-497D-A997-D009FB519B94}" dt="2021-04-14T05:51:30.176" v="31034"/>
          <ac:spMkLst>
            <pc:docMk/>
            <pc:sldMk cId="633499967" sldId="1102"/>
            <ac:spMk id="9" creationId="{0DB12C50-C2EF-4F25-8D78-B55A55E147E4}"/>
          </ac:spMkLst>
        </pc:spChg>
        <pc:spChg chg="add del mod ord">
          <ac:chgData name="Gail Cross" userId="9e0fbb2e9583deed" providerId="LiveId" clId="{A07FF165-3693-497D-A997-D009FB519B94}" dt="2021-04-14T05:37:09.330" v="30367" actId="478"/>
          <ac:spMkLst>
            <pc:docMk/>
            <pc:sldMk cId="633499967" sldId="1102"/>
            <ac:spMk id="10" creationId="{52DABEFC-E802-4DC7-B89D-706CD935EEE1}"/>
          </ac:spMkLst>
        </pc:spChg>
        <pc:spChg chg="add del mod ord">
          <ac:chgData name="Gail Cross" userId="9e0fbb2e9583deed" providerId="LiveId" clId="{A07FF165-3693-497D-A997-D009FB519B94}" dt="2021-04-14T05:37:14.616" v="30368" actId="478"/>
          <ac:spMkLst>
            <pc:docMk/>
            <pc:sldMk cId="633499967" sldId="1102"/>
            <ac:spMk id="11" creationId="{C3EBFBA3-625C-42D3-A5EF-0CB27F314E96}"/>
          </ac:spMkLst>
        </pc:spChg>
        <pc:spChg chg="add del mod ord">
          <ac:chgData name="Gail Cross" userId="9e0fbb2e9583deed" providerId="LiveId" clId="{A07FF165-3693-497D-A997-D009FB519B94}" dt="2021-04-14T05:37:30.494" v="30372" actId="478"/>
          <ac:spMkLst>
            <pc:docMk/>
            <pc:sldMk cId="633499967" sldId="1102"/>
            <ac:spMk id="12" creationId="{F98B55F6-BCAC-4E80-9523-49B09FD129E5}"/>
          </ac:spMkLst>
        </pc:spChg>
        <pc:spChg chg="add mod ord">
          <ac:chgData name="Gail Cross" userId="9e0fbb2e9583deed" providerId="LiveId" clId="{A07FF165-3693-497D-A997-D009FB519B94}" dt="2021-04-14T05:51:30.178" v="31042"/>
          <ac:spMkLst>
            <pc:docMk/>
            <pc:sldMk cId="633499967" sldId="1102"/>
            <ac:spMk id="13" creationId="{29918E2A-FDB2-4194-88F2-A15CC4491598}"/>
          </ac:spMkLst>
        </pc:spChg>
        <pc:spChg chg="add mod ord">
          <ac:chgData name="Gail Cross" userId="9e0fbb2e9583deed" providerId="LiveId" clId="{A07FF165-3693-497D-A997-D009FB519B94}" dt="2021-04-14T05:51:30.178" v="31044"/>
          <ac:spMkLst>
            <pc:docMk/>
            <pc:sldMk cId="633499967" sldId="1102"/>
            <ac:spMk id="14" creationId="{9B025B89-E2EE-42A1-B544-17995ACB2B4D}"/>
          </ac:spMkLst>
        </pc:spChg>
        <pc:spChg chg="add mod ord">
          <ac:chgData name="Gail Cross" userId="9e0fbb2e9583deed" providerId="LiveId" clId="{A07FF165-3693-497D-A997-D009FB519B94}" dt="2021-04-14T05:51:30.178" v="31046"/>
          <ac:spMkLst>
            <pc:docMk/>
            <pc:sldMk cId="633499967" sldId="1102"/>
            <ac:spMk id="15" creationId="{2CD8E426-E1FF-45DF-B28A-1424AE020838}"/>
          </ac:spMkLst>
        </pc:spChg>
        <pc:spChg chg="add mod ord">
          <ac:chgData name="Gail Cross" userId="9e0fbb2e9583deed" providerId="LiveId" clId="{A07FF165-3693-497D-A997-D009FB519B94}" dt="2021-04-14T05:51:30.179" v="31048"/>
          <ac:spMkLst>
            <pc:docMk/>
            <pc:sldMk cId="633499967" sldId="1102"/>
            <ac:spMk id="16" creationId="{D716394E-1791-4E11-8BED-91CDCEDB65E7}"/>
          </ac:spMkLst>
        </pc:spChg>
        <pc:spChg chg="add mod ord">
          <ac:chgData name="Gail Cross" userId="9e0fbb2e9583deed" providerId="LiveId" clId="{A07FF165-3693-497D-A997-D009FB519B94}" dt="2021-04-14T05:51:30.179" v="31050"/>
          <ac:spMkLst>
            <pc:docMk/>
            <pc:sldMk cId="633499967" sldId="1102"/>
            <ac:spMk id="17" creationId="{456E8D9A-D789-49C8-8DE2-28CA17859A88}"/>
          </ac:spMkLst>
        </pc:spChg>
        <pc:spChg chg="add mod ord">
          <ac:chgData name="Gail Cross" userId="9e0fbb2e9583deed" providerId="LiveId" clId="{A07FF165-3693-497D-A997-D009FB519B94}" dt="2021-04-14T05:51:30.180" v="31052"/>
          <ac:spMkLst>
            <pc:docMk/>
            <pc:sldMk cId="633499967" sldId="1102"/>
            <ac:spMk id="18" creationId="{F6E769D0-0BA7-41F9-B412-F23779628F82}"/>
          </ac:spMkLst>
        </pc:spChg>
        <pc:spChg chg="add mod ord">
          <ac:chgData name="Gail Cross" userId="9e0fbb2e9583deed" providerId="LiveId" clId="{A07FF165-3693-497D-A997-D009FB519B94}" dt="2021-04-14T05:51:30.183" v="31054"/>
          <ac:spMkLst>
            <pc:docMk/>
            <pc:sldMk cId="633499967" sldId="1102"/>
            <ac:spMk id="41" creationId="{97011974-315A-4D61-95DF-D308C68F0FB1}"/>
          </ac:spMkLst>
        </pc:spChg>
        <pc:spChg chg="add del mod ord">
          <ac:chgData name="Gail Cross" userId="9e0fbb2e9583deed" providerId="LiveId" clId="{A07FF165-3693-497D-A997-D009FB519B94}" dt="2021-04-14T05:38:19.103" v="30380" actId="478"/>
          <ac:spMkLst>
            <pc:docMk/>
            <pc:sldMk cId="633499967" sldId="1102"/>
            <ac:spMk id="42" creationId="{D9C918AF-AF5C-4F41-87BA-6384357D5A6A}"/>
          </ac:spMkLst>
        </pc:spChg>
        <pc:spChg chg="add mod">
          <ac:chgData name="Gail Cross" userId="9e0fbb2e9583deed" providerId="LiveId" clId="{A07FF165-3693-497D-A997-D009FB519B94}" dt="2021-04-14T05:51:30.183" v="31056"/>
          <ac:spMkLst>
            <pc:docMk/>
            <pc:sldMk cId="633499967" sldId="1102"/>
            <ac:spMk id="43" creationId="{9A73E478-FD0E-483C-A9CA-EE1CE71926EA}"/>
          </ac:spMkLst>
        </pc:spChg>
        <pc:spChg chg="add mod ord">
          <ac:chgData name="Gail Cross" userId="9e0fbb2e9583deed" providerId="LiveId" clId="{A07FF165-3693-497D-A997-D009FB519B94}" dt="2021-04-14T05:51:30.184" v="31060"/>
          <ac:spMkLst>
            <pc:docMk/>
            <pc:sldMk cId="633499967" sldId="1102"/>
            <ac:spMk id="44" creationId="{396A65B5-0A2C-4085-BBAA-B485782F3A21}"/>
          </ac:spMkLst>
        </pc:spChg>
        <pc:spChg chg="add mod ord">
          <ac:chgData name="Gail Cross" userId="9e0fbb2e9583deed" providerId="LiveId" clId="{A07FF165-3693-497D-A997-D009FB519B94}" dt="2021-04-14T05:51:30.185" v="31064"/>
          <ac:spMkLst>
            <pc:docMk/>
            <pc:sldMk cId="633499967" sldId="1102"/>
            <ac:spMk id="45" creationId="{E20E43A9-B683-458D-93C3-9A998DA7D830}"/>
          </ac:spMkLst>
        </pc:spChg>
        <pc:spChg chg="add mod">
          <ac:chgData name="Gail Cross" userId="9e0fbb2e9583deed" providerId="LiveId" clId="{A07FF165-3693-497D-A997-D009FB519B94}" dt="2021-04-14T05:51:30.185" v="31066"/>
          <ac:spMkLst>
            <pc:docMk/>
            <pc:sldMk cId="633499967" sldId="1102"/>
            <ac:spMk id="46" creationId="{C8FEE390-38CC-41F3-BC2A-DFF24692284C}"/>
          </ac:spMkLst>
        </pc:spChg>
        <pc:spChg chg="add mod ord">
          <ac:chgData name="Gail Cross" userId="9e0fbb2e9583deed" providerId="LiveId" clId="{A07FF165-3693-497D-A997-D009FB519B94}" dt="2021-04-14T05:51:30.186" v="31070"/>
          <ac:spMkLst>
            <pc:docMk/>
            <pc:sldMk cId="633499967" sldId="1102"/>
            <ac:spMk id="47" creationId="{E4E3CBA7-1931-4EE1-9D01-5D287C1910BC}"/>
          </ac:spMkLst>
        </pc:spChg>
        <pc:spChg chg="add mod ord">
          <ac:chgData name="Gail Cross" userId="9e0fbb2e9583deed" providerId="LiveId" clId="{A07FF165-3693-497D-A997-D009FB519B94}" dt="2021-04-14T05:51:30.187" v="31074"/>
          <ac:spMkLst>
            <pc:docMk/>
            <pc:sldMk cId="633499967" sldId="1102"/>
            <ac:spMk id="48" creationId="{37B09D0F-224A-4EF4-9C83-FDD0A2EDD21D}"/>
          </ac:spMkLst>
        </pc:spChg>
        <pc:spChg chg="add mod">
          <ac:chgData name="Gail Cross" userId="9e0fbb2e9583deed" providerId="LiveId" clId="{A07FF165-3693-497D-A997-D009FB519B94}" dt="2021-04-14T05:51:30.187" v="31076"/>
          <ac:spMkLst>
            <pc:docMk/>
            <pc:sldMk cId="633499967" sldId="1102"/>
            <ac:spMk id="49" creationId="{C0494101-32CE-4A1C-9995-93003DFC9529}"/>
          </ac:spMkLst>
        </pc:spChg>
        <pc:spChg chg="add mod ord">
          <ac:chgData name="Gail Cross" userId="9e0fbb2e9583deed" providerId="LiveId" clId="{A07FF165-3693-497D-A997-D009FB519B94}" dt="2021-04-14T05:51:30.188" v="31080"/>
          <ac:spMkLst>
            <pc:docMk/>
            <pc:sldMk cId="633499967" sldId="1102"/>
            <ac:spMk id="50" creationId="{5E8A5ED3-9292-43CB-AAE0-3571B8ECD168}"/>
          </ac:spMkLst>
        </pc:spChg>
        <pc:spChg chg="add mod ord">
          <ac:chgData name="Gail Cross" userId="9e0fbb2e9583deed" providerId="LiveId" clId="{A07FF165-3693-497D-A997-D009FB519B94}" dt="2021-04-14T05:51:30.189" v="31084"/>
          <ac:spMkLst>
            <pc:docMk/>
            <pc:sldMk cId="633499967" sldId="1102"/>
            <ac:spMk id="51" creationId="{D0CDC64F-361F-4AC5-B4E5-0A1BBBC57B7D}"/>
          </ac:spMkLst>
        </pc:spChg>
        <pc:spChg chg="add mod">
          <ac:chgData name="Gail Cross" userId="9e0fbb2e9583deed" providerId="LiveId" clId="{A07FF165-3693-497D-A997-D009FB519B94}" dt="2021-04-14T05:51:30.190" v="31086"/>
          <ac:spMkLst>
            <pc:docMk/>
            <pc:sldMk cId="633499967" sldId="1102"/>
            <ac:spMk id="52" creationId="{64FE43FD-C9A1-4C2F-883C-B837B79B079A}"/>
          </ac:spMkLst>
        </pc:spChg>
        <pc:spChg chg="add mod ord">
          <ac:chgData name="Gail Cross" userId="9e0fbb2e9583deed" providerId="LiveId" clId="{A07FF165-3693-497D-A997-D009FB519B94}" dt="2021-04-14T05:51:30.191" v="31090"/>
          <ac:spMkLst>
            <pc:docMk/>
            <pc:sldMk cId="633499967" sldId="1102"/>
            <ac:spMk id="53" creationId="{3E22881A-BF4F-49FB-8332-9D1E43457F08}"/>
          </ac:spMkLst>
        </pc:spChg>
        <pc:spChg chg="add mod ord">
          <ac:chgData name="Gail Cross" userId="9e0fbb2e9583deed" providerId="LiveId" clId="{A07FF165-3693-497D-A997-D009FB519B94}" dt="2021-04-14T05:51:30.191" v="31094"/>
          <ac:spMkLst>
            <pc:docMk/>
            <pc:sldMk cId="633499967" sldId="1102"/>
            <ac:spMk id="54" creationId="{585735C5-90BF-42D7-9239-251A0425807B}"/>
          </ac:spMkLst>
        </pc:spChg>
        <pc:spChg chg="add mod">
          <ac:chgData name="Gail Cross" userId="9e0fbb2e9583deed" providerId="LiveId" clId="{A07FF165-3693-497D-A997-D009FB519B94}" dt="2021-04-14T05:51:30.192" v="31096"/>
          <ac:spMkLst>
            <pc:docMk/>
            <pc:sldMk cId="633499967" sldId="1102"/>
            <ac:spMk id="55" creationId="{086E5D1B-BD1C-41B8-BA63-1AA08F705B3F}"/>
          </ac:spMkLst>
        </pc:spChg>
        <pc:spChg chg="add mod ord">
          <ac:chgData name="Gail Cross" userId="9e0fbb2e9583deed" providerId="LiveId" clId="{A07FF165-3693-497D-A997-D009FB519B94}" dt="2021-04-14T05:51:30.193" v="31100"/>
          <ac:spMkLst>
            <pc:docMk/>
            <pc:sldMk cId="633499967" sldId="1102"/>
            <ac:spMk id="56" creationId="{EA35033C-0638-4058-BA50-1B805442F325}"/>
          </ac:spMkLst>
        </pc:spChg>
        <pc:spChg chg="add mod ord">
          <ac:chgData name="Gail Cross" userId="9e0fbb2e9583deed" providerId="LiveId" clId="{A07FF165-3693-497D-A997-D009FB519B94}" dt="2021-04-14T05:51:30.194" v="31104"/>
          <ac:spMkLst>
            <pc:docMk/>
            <pc:sldMk cId="633499967" sldId="1102"/>
            <ac:spMk id="57" creationId="{267E1A3B-D040-40A9-9CFF-2B30D5D2CBFD}"/>
          </ac:spMkLst>
        </pc:spChg>
        <pc:spChg chg="add mod">
          <ac:chgData name="Gail Cross" userId="9e0fbb2e9583deed" providerId="LiveId" clId="{A07FF165-3693-497D-A997-D009FB519B94}" dt="2021-04-14T05:51:30.194" v="31106"/>
          <ac:spMkLst>
            <pc:docMk/>
            <pc:sldMk cId="633499967" sldId="1102"/>
            <ac:spMk id="58" creationId="{D2ADF4B0-A838-4D0D-A956-C501C17F70B4}"/>
          </ac:spMkLst>
        </pc:spChg>
        <pc:spChg chg="add mod ord">
          <ac:chgData name="Gail Cross" userId="9e0fbb2e9583deed" providerId="LiveId" clId="{A07FF165-3693-497D-A997-D009FB519B94}" dt="2021-04-14T05:51:30.195" v="31110"/>
          <ac:spMkLst>
            <pc:docMk/>
            <pc:sldMk cId="633499967" sldId="1102"/>
            <ac:spMk id="59" creationId="{2B049CE8-64FE-4ACC-978B-370F5AB0FEF4}"/>
          </ac:spMkLst>
        </pc:spChg>
        <pc:spChg chg="add mod ord">
          <ac:chgData name="Gail Cross" userId="9e0fbb2e9583deed" providerId="LiveId" clId="{A07FF165-3693-497D-A997-D009FB519B94}" dt="2021-04-14T05:51:30.196" v="31114"/>
          <ac:spMkLst>
            <pc:docMk/>
            <pc:sldMk cId="633499967" sldId="1102"/>
            <ac:spMk id="60" creationId="{6AAE0D64-E47F-4D7C-9A24-C152E0957B54}"/>
          </ac:spMkLst>
        </pc:spChg>
        <pc:spChg chg="add mod">
          <ac:chgData name="Gail Cross" userId="9e0fbb2e9583deed" providerId="LiveId" clId="{A07FF165-3693-497D-A997-D009FB519B94}" dt="2021-04-14T05:51:30.196" v="31116"/>
          <ac:spMkLst>
            <pc:docMk/>
            <pc:sldMk cId="633499967" sldId="1102"/>
            <ac:spMk id="61" creationId="{3AF806C2-D295-4E30-A22E-D1823EDF325D}"/>
          </ac:spMkLst>
        </pc:spChg>
        <pc:spChg chg="add mod ord">
          <ac:chgData name="Gail Cross" userId="9e0fbb2e9583deed" providerId="LiveId" clId="{A07FF165-3693-497D-A997-D009FB519B94}" dt="2021-04-14T05:51:30.197" v="31120"/>
          <ac:spMkLst>
            <pc:docMk/>
            <pc:sldMk cId="633499967" sldId="1102"/>
            <ac:spMk id="62" creationId="{FB37B16C-721C-4638-8415-24FB6721D08B}"/>
          </ac:spMkLst>
        </pc:spChg>
        <pc:spChg chg="add mod ord">
          <ac:chgData name="Gail Cross" userId="9e0fbb2e9583deed" providerId="LiveId" clId="{A07FF165-3693-497D-A997-D009FB519B94}" dt="2021-04-14T05:51:30.198" v="31124"/>
          <ac:spMkLst>
            <pc:docMk/>
            <pc:sldMk cId="633499967" sldId="1102"/>
            <ac:spMk id="63" creationId="{19BD39E3-B39D-42AB-9A71-BFCB87638AD8}"/>
          </ac:spMkLst>
        </pc:spChg>
        <pc:spChg chg="add mod">
          <ac:chgData name="Gail Cross" userId="9e0fbb2e9583deed" providerId="LiveId" clId="{A07FF165-3693-497D-A997-D009FB519B94}" dt="2021-04-14T05:51:30.198" v="31126"/>
          <ac:spMkLst>
            <pc:docMk/>
            <pc:sldMk cId="633499967" sldId="1102"/>
            <ac:spMk id="64" creationId="{7B6C5273-0B6D-49F8-A5A1-5110AB062531}"/>
          </ac:spMkLst>
        </pc:spChg>
        <pc:spChg chg="add mod ord">
          <ac:chgData name="Gail Cross" userId="9e0fbb2e9583deed" providerId="LiveId" clId="{A07FF165-3693-497D-A997-D009FB519B94}" dt="2021-04-14T05:51:30.199" v="31130"/>
          <ac:spMkLst>
            <pc:docMk/>
            <pc:sldMk cId="633499967" sldId="1102"/>
            <ac:spMk id="65" creationId="{A1AD9083-A6FB-4B66-881F-9176B61BA38A}"/>
          </ac:spMkLst>
        </pc:spChg>
        <pc:spChg chg="add mod ord">
          <ac:chgData name="Gail Cross" userId="9e0fbb2e9583deed" providerId="LiveId" clId="{A07FF165-3693-497D-A997-D009FB519B94}" dt="2021-04-14T05:51:30.200" v="31134"/>
          <ac:spMkLst>
            <pc:docMk/>
            <pc:sldMk cId="633499967" sldId="1102"/>
            <ac:spMk id="66" creationId="{4F62878E-6F35-4646-BF83-42CD0A5583CC}"/>
          </ac:spMkLst>
        </pc:spChg>
        <pc:spChg chg="add mod">
          <ac:chgData name="Gail Cross" userId="9e0fbb2e9583deed" providerId="LiveId" clId="{A07FF165-3693-497D-A997-D009FB519B94}" dt="2021-04-14T05:51:30.200" v="31136"/>
          <ac:spMkLst>
            <pc:docMk/>
            <pc:sldMk cId="633499967" sldId="1102"/>
            <ac:spMk id="67" creationId="{223E89BF-EDAD-40B5-A94F-389CE5C8F843}"/>
          </ac:spMkLst>
        </pc:spChg>
        <pc:spChg chg="add mod ord">
          <ac:chgData name="Gail Cross" userId="9e0fbb2e9583deed" providerId="LiveId" clId="{A07FF165-3693-497D-A997-D009FB519B94}" dt="2021-04-14T05:51:30.201" v="31140"/>
          <ac:spMkLst>
            <pc:docMk/>
            <pc:sldMk cId="633499967" sldId="1102"/>
            <ac:spMk id="68" creationId="{662043EC-953A-4650-A79F-3D3F530605EF}"/>
          </ac:spMkLst>
        </pc:spChg>
        <pc:spChg chg="add mod ord">
          <ac:chgData name="Gail Cross" userId="9e0fbb2e9583deed" providerId="LiveId" clId="{A07FF165-3693-497D-A997-D009FB519B94}" dt="2021-04-14T05:51:30.202" v="31144"/>
          <ac:spMkLst>
            <pc:docMk/>
            <pc:sldMk cId="633499967" sldId="1102"/>
            <ac:spMk id="69" creationId="{76F2A1E1-1071-461F-BA98-EDB625359562}"/>
          </ac:spMkLst>
        </pc:spChg>
        <pc:spChg chg="add mod">
          <ac:chgData name="Gail Cross" userId="9e0fbb2e9583deed" providerId="LiveId" clId="{A07FF165-3693-497D-A997-D009FB519B94}" dt="2021-04-14T05:51:30.202" v="31146"/>
          <ac:spMkLst>
            <pc:docMk/>
            <pc:sldMk cId="633499967" sldId="1102"/>
            <ac:spMk id="70" creationId="{E187821D-6CE0-4E16-97CF-C725E2A3DEA7}"/>
          </ac:spMkLst>
        </pc:spChg>
        <pc:spChg chg="add mod ord">
          <ac:chgData name="Gail Cross" userId="9e0fbb2e9583deed" providerId="LiveId" clId="{A07FF165-3693-497D-A997-D009FB519B94}" dt="2021-04-14T05:51:30.203" v="31150"/>
          <ac:spMkLst>
            <pc:docMk/>
            <pc:sldMk cId="633499967" sldId="1102"/>
            <ac:spMk id="71" creationId="{52E54EB7-1270-4A7C-8801-A98C3FC62B06}"/>
          </ac:spMkLst>
        </pc:spChg>
        <pc:spChg chg="add mod ord">
          <ac:chgData name="Gail Cross" userId="9e0fbb2e9583deed" providerId="LiveId" clId="{A07FF165-3693-497D-A997-D009FB519B94}" dt="2021-04-14T05:51:30.204" v="31154"/>
          <ac:spMkLst>
            <pc:docMk/>
            <pc:sldMk cId="633499967" sldId="1102"/>
            <ac:spMk id="72" creationId="{B4808D38-0FC0-45B8-B9BE-DB765FB51C6B}"/>
          </ac:spMkLst>
        </pc:spChg>
        <pc:spChg chg="add mod">
          <ac:chgData name="Gail Cross" userId="9e0fbb2e9583deed" providerId="LiveId" clId="{A07FF165-3693-497D-A997-D009FB519B94}" dt="2021-04-14T05:51:30.204" v="31156"/>
          <ac:spMkLst>
            <pc:docMk/>
            <pc:sldMk cId="633499967" sldId="1102"/>
            <ac:spMk id="73" creationId="{C9D50E3D-7612-4D47-BA3D-BAA47A693EF0}"/>
          </ac:spMkLst>
        </pc:spChg>
        <pc:spChg chg="add mod ord">
          <ac:chgData name="Gail Cross" userId="9e0fbb2e9583deed" providerId="LiveId" clId="{A07FF165-3693-497D-A997-D009FB519B94}" dt="2021-04-14T05:51:30.205" v="31160"/>
          <ac:spMkLst>
            <pc:docMk/>
            <pc:sldMk cId="633499967" sldId="1102"/>
            <ac:spMk id="74" creationId="{43A186F2-B1B3-4FF3-AD05-5743640A8F04}"/>
          </ac:spMkLst>
        </pc:spChg>
        <pc:spChg chg="add mod ord">
          <ac:chgData name="Gail Cross" userId="9e0fbb2e9583deed" providerId="LiveId" clId="{A07FF165-3693-497D-A997-D009FB519B94}" dt="2021-04-14T05:51:30.206" v="31164"/>
          <ac:spMkLst>
            <pc:docMk/>
            <pc:sldMk cId="633499967" sldId="1102"/>
            <ac:spMk id="75" creationId="{C250A3F1-E0B9-46A3-8FC4-CB0C34EB2F66}"/>
          </ac:spMkLst>
        </pc:spChg>
        <pc:spChg chg="add mod">
          <ac:chgData name="Gail Cross" userId="9e0fbb2e9583deed" providerId="LiveId" clId="{A07FF165-3693-497D-A997-D009FB519B94}" dt="2021-04-14T05:51:30.207" v="31166"/>
          <ac:spMkLst>
            <pc:docMk/>
            <pc:sldMk cId="633499967" sldId="1102"/>
            <ac:spMk id="76" creationId="{46CB0358-8854-4FA1-8807-C82E4CF5BBFF}"/>
          </ac:spMkLst>
        </pc:spChg>
        <pc:spChg chg="add mod ord">
          <ac:chgData name="Gail Cross" userId="9e0fbb2e9583deed" providerId="LiveId" clId="{A07FF165-3693-497D-A997-D009FB519B94}" dt="2021-04-14T05:51:30.208" v="31170"/>
          <ac:spMkLst>
            <pc:docMk/>
            <pc:sldMk cId="633499967" sldId="1102"/>
            <ac:spMk id="77" creationId="{F6E3A69B-A422-45E8-9AF7-ADF42B26FA86}"/>
          </ac:spMkLst>
        </pc:spChg>
        <pc:spChg chg="add mod ord">
          <ac:chgData name="Gail Cross" userId="9e0fbb2e9583deed" providerId="LiveId" clId="{A07FF165-3693-497D-A997-D009FB519B94}" dt="2021-04-14T05:51:30.209" v="31174"/>
          <ac:spMkLst>
            <pc:docMk/>
            <pc:sldMk cId="633499967" sldId="1102"/>
            <ac:spMk id="78" creationId="{489E5779-96AA-4CD8-8E14-48EC11CB5B26}"/>
          </ac:spMkLst>
        </pc:spChg>
        <pc:spChg chg="add mod">
          <ac:chgData name="Gail Cross" userId="9e0fbb2e9583deed" providerId="LiveId" clId="{A07FF165-3693-497D-A997-D009FB519B94}" dt="2021-04-14T05:51:30.209" v="31176"/>
          <ac:spMkLst>
            <pc:docMk/>
            <pc:sldMk cId="633499967" sldId="1102"/>
            <ac:spMk id="79" creationId="{25999227-808C-400A-9894-B9D2F70EF09A}"/>
          </ac:spMkLst>
        </pc:spChg>
        <pc:spChg chg="add mod ord">
          <ac:chgData name="Gail Cross" userId="9e0fbb2e9583deed" providerId="LiveId" clId="{A07FF165-3693-497D-A997-D009FB519B94}" dt="2021-04-14T05:51:30.176" v="31036"/>
          <ac:spMkLst>
            <pc:docMk/>
            <pc:sldMk cId="633499967" sldId="1102"/>
            <ac:spMk id="80" creationId="{F16B333E-1643-4267-951B-1E342D33CC04}"/>
          </ac:spMkLst>
        </pc:spChg>
        <pc:spChg chg="add mod ord">
          <ac:chgData name="Gail Cross" userId="9e0fbb2e9583deed" providerId="LiveId" clId="{A07FF165-3693-497D-A997-D009FB519B94}" dt="2021-04-14T05:51:30.177" v="31038"/>
          <ac:spMkLst>
            <pc:docMk/>
            <pc:sldMk cId="633499967" sldId="1102"/>
            <ac:spMk id="81" creationId="{84A3FCAC-53D0-4B0B-BF12-42366A1F4C5A}"/>
          </ac:spMkLst>
        </pc:spChg>
        <pc:spChg chg="add mod ord">
          <ac:chgData name="Gail Cross" userId="9e0fbb2e9583deed" providerId="LiveId" clId="{A07FF165-3693-497D-A997-D009FB519B94}" dt="2021-04-14T05:51:30.177" v="31040"/>
          <ac:spMkLst>
            <pc:docMk/>
            <pc:sldMk cId="633499967" sldId="1102"/>
            <ac:spMk id="82" creationId="{9902E50B-2884-4903-80F7-A1BDF447A088}"/>
          </ac:spMkLst>
        </pc:spChg>
        <pc:spChg chg="add mod ord modVis">
          <ac:chgData name="Gail Cross" userId="9e0fbb2e9583deed" providerId="LiveId" clId="{A07FF165-3693-497D-A997-D009FB519B94}" dt="2021-04-14T05:38:20.215" v="30845"/>
          <ac:spMkLst>
            <pc:docMk/>
            <pc:sldMk cId="633499967" sldId="1102"/>
            <ac:spMk id="83" creationId="{96C3D608-49F6-461F-A0C9-D9574776CE53}"/>
          </ac:spMkLst>
        </pc:spChg>
        <pc:cxnChg chg="add mod ord">
          <ac:chgData name="Gail Cross" userId="9e0fbb2e9583deed" providerId="LiveId" clId="{A07FF165-3693-497D-A997-D009FB519B94}" dt="2021-04-14T05:49:09.665" v="30881"/>
          <ac:cxnSpMkLst>
            <pc:docMk/>
            <pc:sldMk cId="633499967" sldId="1102"/>
            <ac:cxnSpMk id="19" creationId="{D5AA5C62-9C18-4292-862E-940012E5AEBF}"/>
          </ac:cxnSpMkLst>
        </pc:cxnChg>
        <pc:cxnChg chg="add mod ord">
          <ac:chgData name="Gail Cross" userId="9e0fbb2e9583deed" providerId="LiveId" clId="{A07FF165-3693-497D-A997-D009FB519B94}" dt="2021-04-14T05:38:20.196" v="30713"/>
          <ac:cxnSpMkLst>
            <pc:docMk/>
            <pc:sldMk cId="633499967" sldId="1102"/>
            <ac:cxnSpMk id="20" creationId="{0E5BD6A4-5124-4C0B-BB29-13BC4BB0BFCE}"/>
          </ac:cxnSpMkLst>
        </pc:cxnChg>
        <pc:cxnChg chg="add mod ord">
          <ac:chgData name="Gail Cross" userId="9e0fbb2e9583deed" providerId="LiveId" clId="{A07FF165-3693-497D-A997-D009FB519B94}" dt="2021-04-14T05:38:20.197" v="30715"/>
          <ac:cxnSpMkLst>
            <pc:docMk/>
            <pc:sldMk cId="633499967" sldId="1102"/>
            <ac:cxnSpMk id="21" creationId="{32C332CD-BCFD-433A-8607-8AACD8AD73DE}"/>
          </ac:cxnSpMkLst>
        </pc:cxnChg>
        <pc:cxnChg chg="add mod ord">
          <ac:chgData name="Gail Cross" userId="9e0fbb2e9583deed" providerId="LiveId" clId="{A07FF165-3693-497D-A997-D009FB519B94}" dt="2021-04-14T05:38:20.197" v="30717"/>
          <ac:cxnSpMkLst>
            <pc:docMk/>
            <pc:sldMk cId="633499967" sldId="1102"/>
            <ac:cxnSpMk id="22" creationId="{61BA97C7-7A5B-4CD1-B212-68B1B5BD0509}"/>
          </ac:cxnSpMkLst>
        </pc:cxnChg>
        <pc:cxnChg chg="add mod ord">
          <ac:chgData name="Gail Cross" userId="9e0fbb2e9583deed" providerId="LiveId" clId="{A07FF165-3693-497D-A997-D009FB519B94}" dt="2021-04-14T05:38:20.197" v="30719"/>
          <ac:cxnSpMkLst>
            <pc:docMk/>
            <pc:sldMk cId="633499967" sldId="1102"/>
            <ac:cxnSpMk id="23" creationId="{3DFEE238-0154-4CBE-A880-2CF78AB6EF03}"/>
          </ac:cxnSpMkLst>
        </pc:cxnChg>
        <pc:cxnChg chg="add mod ord">
          <ac:chgData name="Gail Cross" userId="9e0fbb2e9583deed" providerId="LiveId" clId="{A07FF165-3693-497D-A997-D009FB519B94}" dt="2021-04-14T05:38:20.198" v="30721"/>
          <ac:cxnSpMkLst>
            <pc:docMk/>
            <pc:sldMk cId="633499967" sldId="1102"/>
            <ac:cxnSpMk id="24" creationId="{8D4F3A92-8963-4367-92D4-74B2F3453583}"/>
          </ac:cxnSpMkLst>
        </pc:cxnChg>
        <pc:cxnChg chg="add mod ord">
          <ac:chgData name="Gail Cross" userId="9e0fbb2e9583deed" providerId="LiveId" clId="{A07FF165-3693-497D-A997-D009FB519B94}" dt="2021-04-14T05:38:20.198" v="30723"/>
          <ac:cxnSpMkLst>
            <pc:docMk/>
            <pc:sldMk cId="633499967" sldId="1102"/>
            <ac:cxnSpMk id="25" creationId="{F891A8FB-1D8C-4C39-91D0-29295E3CA10F}"/>
          </ac:cxnSpMkLst>
        </pc:cxnChg>
        <pc:cxnChg chg="add mod ord">
          <ac:chgData name="Gail Cross" userId="9e0fbb2e9583deed" providerId="LiveId" clId="{A07FF165-3693-497D-A997-D009FB519B94}" dt="2021-04-14T05:38:20.198" v="30725"/>
          <ac:cxnSpMkLst>
            <pc:docMk/>
            <pc:sldMk cId="633499967" sldId="1102"/>
            <ac:cxnSpMk id="26" creationId="{8D6DE64F-9E96-4132-B4C8-D8D0FECC65D1}"/>
          </ac:cxnSpMkLst>
        </pc:cxnChg>
        <pc:cxnChg chg="add mod ord">
          <ac:chgData name="Gail Cross" userId="9e0fbb2e9583deed" providerId="LiveId" clId="{A07FF165-3693-497D-A997-D009FB519B94}" dt="2021-04-14T05:38:20.198" v="30727"/>
          <ac:cxnSpMkLst>
            <pc:docMk/>
            <pc:sldMk cId="633499967" sldId="1102"/>
            <ac:cxnSpMk id="27" creationId="{C625CD97-14B9-4261-88FB-F25A77EB8F67}"/>
          </ac:cxnSpMkLst>
        </pc:cxnChg>
        <pc:cxnChg chg="add mod ord">
          <ac:chgData name="Gail Cross" userId="9e0fbb2e9583deed" providerId="LiveId" clId="{A07FF165-3693-497D-A997-D009FB519B94}" dt="2021-04-14T05:38:20.199" v="30729"/>
          <ac:cxnSpMkLst>
            <pc:docMk/>
            <pc:sldMk cId="633499967" sldId="1102"/>
            <ac:cxnSpMk id="28" creationId="{6F03E7CE-00D6-4DEA-999D-9734F8479E33}"/>
          </ac:cxnSpMkLst>
        </pc:cxnChg>
        <pc:cxnChg chg="add mod ord">
          <ac:chgData name="Gail Cross" userId="9e0fbb2e9583deed" providerId="LiveId" clId="{A07FF165-3693-497D-A997-D009FB519B94}" dt="2021-04-14T05:38:20.199" v="30731"/>
          <ac:cxnSpMkLst>
            <pc:docMk/>
            <pc:sldMk cId="633499967" sldId="1102"/>
            <ac:cxnSpMk id="29" creationId="{7E0A352B-6C85-48C3-9C7E-42CC4F058B69}"/>
          </ac:cxnSpMkLst>
        </pc:cxnChg>
        <pc:cxnChg chg="add mod ord">
          <ac:chgData name="Gail Cross" userId="9e0fbb2e9583deed" providerId="LiveId" clId="{A07FF165-3693-497D-A997-D009FB519B94}" dt="2021-04-14T05:38:20.199" v="30733"/>
          <ac:cxnSpMkLst>
            <pc:docMk/>
            <pc:sldMk cId="633499967" sldId="1102"/>
            <ac:cxnSpMk id="30" creationId="{6272BB17-8FAB-45BD-8954-044C34D8501A}"/>
          </ac:cxnSpMkLst>
        </pc:cxnChg>
        <pc:cxnChg chg="add mod ord">
          <ac:chgData name="Gail Cross" userId="9e0fbb2e9583deed" providerId="LiveId" clId="{A07FF165-3693-497D-A997-D009FB519B94}" dt="2021-04-14T05:38:20.199" v="30735"/>
          <ac:cxnSpMkLst>
            <pc:docMk/>
            <pc:sldMk cId="633499967" sldId="1102"/>
            <ac:cxnSpMk id="31" creationId="{B7C866E1-BFD0-4EDD-AC41-855C34C0534B}"/>
          </ac:cxnSpMkLst>
        </pc:cxnChg>
        <pc:cxnChg chg="add mod ord">
          <ac:chgData name="Gail Cross" userId="9e0fbb2e9583deed" providerId="LiveId" clId="{A07FF165-3693-497D-A997-D009FB519B94}" dt="2021-04-14T05:38:20.200" v="30737"/>
          <ac:cxnSpMkLst>
            <pc:docMk/>
            <pc:sldMk cId="633499967" sldId="1102"/>
            <ac:cxnSpMk id="32" creationId="{90FD6F38-1D93-40CE-B56F-41D7B49EA252}"/>
          </ac:cxnSpMkLst>
        </pc:cxnChg>
        <pc:cxnChg chg="add mod ord">
          <ac:chgData name="Gail Cross" userId="9e0fbb2e9583deed" providerId="LiveId" clId="{A07FF165-3693-497D-A997-D009FB519B94}" dt="2021-04-14T05:38:20.200" v="30739"/>
          <ac:cxnSpMkLst>
            <pc:docMk/>
            <pc:sldMk cId="633499967" sldId="1102"/>
            <ac:cxnSpMk id="33" creationId="{95DF47F5-A6C2-49C8-A1B7-55FE33FC0BEC}"/>
          </ac:cxnSpMkLst>
        </pc:cxnChg>
        <pc:cxnChg chg="add mod ord">
          <ac:chgData name="Gail Cross" userId="9e0fbb2e9583deed" providerId="LiveId" clId="{A07FF165-3693-497D-A997-D009FB519B94}" dt="2021-04-14T05:38:20.200" v="30741"/>
          <ac:cxnSpMkLst>
            <pc:docMk/>
            <pc:sldMk cId="633499967" sldId="1102"/>
            <ac:cxnSpMk id="34" creationId="{3D87188A-0AC3-44AC-9421-303B63A4ED97}"/>
          </ac:cxnSpMkLst>
        </pc:cxnChg>
        <pc:cxnChg chg="add mod ord">
          <ac:chgData name="Gail Cross" userId="9e0fbb2e9583deed" providerId="LiveId" clId="{A07FF165-3693-497D-A997-D009FB519B94}" dt="2021-04-14T05:38:20.200" v="30743"/>
          <ac:cxnSpMkLst>
            <pc:docMk/>
            <pc:sldMk cId="633499967" sldId="1102"/>
            <ac:cxnSpMk id="35" creationId="{4E4CCD78-AEEC-44EC-B06E-3A16BBD649D5}"/>
          </ac:cxnSpMkLst>
        </pc:cxnChg>
        <pc:cxnChg chg="add mod ord">
          <ac:chgData name="Gail Cross" userId="9e0fbb2e9583deed" providerId="LiveId" clId="{A07FF165-3693-497D-A997-D009FB519B94}" dt="2021-04-14T05:38:20.201" v="30745"/>
          <ac:cxnSpMkLst>
            <pc:docMk/>
            <pc:sldMk cId="633499967" sldId="1102"/>
            <ac:cxnSpMk id="36" creationId="{4A980CF3-FE13-447C-A854-BDAABDB166AE}"/>
          </ac:cxnSpMkLst>
        </pc:cxnChg>
        <pc:cxnChg chg="add mod ord">
          <ac:chgData name="Gail Cross" userId="9e0fbb2e9583deed" providerId="LiveId" clId="{A07FF165-3693-497D-A997-D009FB519B94}" dt="2021-04-14T05:38:20.201" v="30747"/>
          <ac:cxnSpMkLst>
            <pc:docMk/>
            <pc:sldMk cId="633499967" sldId="1102"/>
            <ac:cxnSpMk id="37" creationId="{A38F3FBA-6B41-4CCE-8851-34B0F7DFBFB4}"/>
          </ac:cxnSpMkLst>
        </pc:cxnChg>
        <pc:cxnChg chg="add mod ord">
          <ac:chgData name="Gail Cross" userId="9e0fbb2e9583deed" providerId="LiveId" clId="{A07FF165-3693-497D-A997-D009FB519B94}" dt="2021-04-14T05:38:20.201" v="30749"/>
          <ac:cxnSpMkLst>
            <pc:docMk/>
            <pc:sldMk cId="633499967" sldId="1102"/>
            <ac:cxnSpMk id="38" creationId="{9587F020-9C64-4A78-AEA2-F2806C4CCCB9}"/>
          </ac:cxnSpMkLst>
        </pc:cxnChg>
        <pc:cxnChg chg="add mod ord">
          <ac:chgData name="Gail Cross" userId="9e0fbb2e9583deed" providerId="LiveId" clId="{A07FF165-3693-497D-A997-D009FB519B94}" dt="2021-04-14T05:38:20.202" v="30751"/>
          <ac:cxnSpMkLst>
            <pc:docMk/>
            <pc:sldMk cId="633499967" sldId="1102"/>
            <ac:cxnSpMk id="39" creationId="{B18A87B2-3507-4EB0-B6A5-74A18E3E9A44}"/>
          </ac:cxnSpMkLst>
        </pc:cxnChg>
        <pc:cxnChg chg="add mod ord">
          <ac:chgData name="Gail Cross" userId="9e0fbb2e9583deed" providerId="LiveId" clId="{A07FF165-3693-497D-A997-D009FB519B94}" dt="2021-04-14T05:38:20.202" v="30753"/>
          <ac:cxnSpMkLst>
            <pc:docMk/>
            <pc:sldMk cId="633499967" sldId="1102"/>
            <ac:cxnSpMk id="40" creationId="{A976D490-AEDE-4EB7-A34B-58CA82E04430}"/>
          </ac:cxnSpMkLst>
        </pc:cxnChg>
      </pc:sldChg>
      <pc:sldChg chg="addSp modSp mod ord modNotesTx">
        <pc:chgData name="Gail Cross" userId="9e0fbb2e9583deed" providerId="LiveId" clId="{A07FF165-3693-497D-A997-D009FB519B94}" dt="2021-04-15T10:25:28.924" v="62635" actId="20577"/>
        <pc:sldMkLst>
          <pc:docMk/>
          <pc:sldMk cId="1625581686" sldId="1102"/>
        </pc:sldMkLst>
        <pc:spChg chg="mod">
          <ac:chgData name="Gail Cross" userId="9e0fbb2e9583deed" providerId="LiveId" clId="{A07FF165-3693-497D-A997-D009FB519B94}" dt="2021-04-15T10:25:28.924" v="62635" actId="20577"/>
          <ac:spMkLst>
            <pc:docMk/>
            <pc:sldMk cId="1625581686" sldId="1102"/>
            <ac:spMk id="5" creationId="{11E4A2AF-7582-4A25-84A2-115DE7048109}"/>
          </ac:spMkLst>
        </pc:spChg>
        <pc:spChg chg="add mod">
          <ac:chgData name="Gail Cross" userId="9e0fbb2e9583deed" providerId="LiveId" clId="{A07FF165-3693-497D-A997-D009FB519B94}" dt="2021-04-14T13:42:11.126" v="35687" actId="1076"/>
          <ac:spMkLst>
            <pc:docMk/>
            <pc:sldMk cId="1625581686" sldId="1102"/>
            <ac:spMk id="7" creationId="{64E762EB-2848-4E51-A454-AD26F33C55CC}"/>
          </ac:spMkLst>
        </pc:spChg>
        <pc:graphicFrameChg chg="mod modGraphic">
          <ac:chgData name="Gail Cross" userId="9e0fbb2e9583deed" providerId="LiveId" clId="{A07FF165-3693-497D-A997-D009FB519B94}" dt="2021-04-14T15:38:08.387" v="38631" actId="2165"/>
          <ac:graphicFrameMkLst>
            <pc:docMk/>
            <pc:sldMk cId="1625581686" sldId="1102"/>
            <ac:graphicFrameMk id="6" creationId="{0CFBF534-8027-42D1-B420-30C3E40A0281}"/>
          </ac:graphicFrameMkLst>
        </pc:graphicFrameChg>
        <pc:picChg chg="add mod">
          <ac:chgData name="Gail Cross" userId="9e0fbb2e9583deed" providerId="LiveId" clId="{A07FF165-3693-497D-A997-D009FB519B94}" dt="2021-04-14T13:44:38.942" v="35703" actId="1076"/>
          <ac:picMkLst>
            <pc:docMk/>
            <pc:sldMk cId="1625581686" sldId="1102"/>
            <ac:picMk id="3" creationId="{F1BDA3DE-D49C-47D4-97BA-C3C4980FC1E5}"/>
          </ac:picMkLst>
        </pc:picChg>
        <pc:picChg chg="add mod">
          <ac:chgData name="Gail Cross" userId="9e0fbb2e9583deed" providerId="LiveId" clId="{A07FF165-3693-497D-A997-D009FB519B94}" dt="2021-04-14T15:38:12.725" v="38632" actId="1076"/>
          <ac:picMkLst>
            <pc:docMk/>
            <pc:sldMk cId="1625581686" sldId="1102"/>
            <ac:picMk id="4" creationId="{306CBEB2-9D28-468E-B6B8-8E66431A02C1}"/>
          </ac:picMkLst>
        </pc:picChg>
      </pc:sldChg>
      <pc:sldChg chg="new del">
        <pc:chgData name="Gail Cross" userId="9e0fbb2e9583deed" providerId="LiveId" clId="{A07FF165-3693-497D-A997-D009FB519B94}" dt="2021-04-14T12:21:34.408" v="33403" actId="47"/>
        <pc:sldMkLst>
          <pc:docMk/>
          <pc:sldMk cId="1242929284" sldId="1103"/>
        </pc:sldMkLst>
      </pc:sldChg>
      <pc:sldChg chg="del">
        <pc:chgData name="Gail Cross" userId="9e0fbb2e9583deed" providerId="LiveId" clId="{A07FF165-3693-497D-A997-D009FB519B94}" dt="2021-04-14T12:20:12.374" v="33389" actId="47"/>
        <pc:sldMkLst>
          <pc:docMk/>
          <pc:sldMk cId="899488897" sldId="1104"/>
        </pc:sldMkLst>
      </pc:sldChg>
      <pc:sldChg chg="addSp delSp modSp del mod modNotesTx">
        <pc:chgData name="Gail Cross" userId="9e0fbb2e9583deed" providerId="LiveId" clId="{A07FF165-3693-497D-A997-D009FB519B94}" dt="2021-04-15T10:35:01.247" v="62672" actId="47"/>
        <pc:sldMkLst>
          <pc:docMk/>
          <pc:sldMk cId="1477883713" sldId="1104"/>
        </pc:sldMkLst>
        <pc:spChg chg="del">
          <ac:chgData name="Gail Cross" userId="9e0fbb2e9583deed" providerId="LiveId" clId="{A07FF165-3693-497D-A997-D009FB519B94}" dt="2021-04-14T12:20:24.438" v="33391" actId="478"/>
          <ac:spMkLst>
            <pc:docMk/>
            <pc:sldMk cId="1477883713" sldId="1104"/>
            <ac:spMk id="7" creationId="{64E762EB-2848-4E51-A454-AD26F33C55CC}"/>
          </ac:spMkLst>
        </pc:spChg>
        <pc:spChg chg="add del mod">
          <ac:chgData name="Gail Cross" userId="9e0fbb2e9583deed" providerId="LiveId" clId="{A07FF165-3693-497D-A997-D009FB519B94}" dt="2021-04-14T12:51:45.751" v="34113" actId="478"/>
          <ac:spMkLst>
            <pc:docMk/>
            <pc:sldMk cId="1477883713" sldId="1104"/>
            <ac:spMk id="10" creationId="{00A72B44-E01B-4498-9E11-23178874A243}"/>
          </ac:spMkLst>
        </pc:spChg>
        <pc:spChg chg="add del mod">
          <ac:chgData name="Gail Cross" userId="9e0fbb2e9583deed" providerId="LiveId" clId="{A07FF165-3693-497D-A997-D009FB519B94}" dt="2021-04-14T12:50:57.813" v="34100"/>
          <ac:spMkLst>
            <pc:docMk/>
            <pc:sldMk cId="1477883713" sldId="1104"/>
            <ac:spMk id="11" creationId="{5B2C54A3-233B-4291-AE2E-F377F015F718}"/>
          </ac:spMkLst>
        </pc:spChg>
        <pc:graphicFrameChg chg="mod modGraphic">
          <ac:chgData name="Gail Cross" userId="9e0fbb2e9583deed" providerId="LiveId" clId="{A07FF165-3693-497D-A997-D009FB519B94}" dt="2021-04-14T15:40:52.526" v="38645" actId="20577"/>
          <ac:graphicFrameMkLst>
            <pc:docMk/>
            <pc:sldMk cId="1477883713" sldId="1104"/>
            <ac:graphicFrameMk id="6" creationId="{0CFBF534-8027-42D1-B420-30C3E40A0281}"/>
          </ac:graphicFrameMkLst>
        </pc:graphicFrameChg>
        <pc:picChg chg="add del mod modCrop">
          <ac:chgData name="Gail Cross" userId="9e0fbb2e9583deed" providerId="LiveId" clId="{A07FF165-3693-497D-A997-D009FB519B94}" dt="2021-04-14T12:51:42.778" v="34112" actId="478"/>
          <ac:picMkLst>
            <pc:docMk/>
            <pc:sldMk cId="1477883713" sldId="1104"/>
            <ac:picMk id="3" creationId="{A87BC3BE-D94A-4C17-B907-4EAAA7922BB0}"/>
          </ac:picMkLst>
        </pc:picChg>
        <pc:picChg chg="del">
          <ac:chgData name="Gail Cross" userId="9e0fbb2e9583deed" providerId="LiveId" clId="{A07FF165-3693-497D-A997-D009FB519B94}" dt="2021-04-14T12:20:21.809" v="33390" actId="478"/>
          <ac:picMkLst>
            <pc:docMk/>
            <pc:sldMk cId="1477883713" sldId="1104"/>
            <ac:picMk id="4" creationId="{306CBEB2-9D28-468E-B6B8-8E66431A02C1}"/>
          </ac:picMkLst>
        </pc:picChg>
        <pc:picChg chg="add del mod">
          <ac:chgData name="Gail Cross" userId="9e0fbb2e9583deed" providerId="LiveId" clId="{A07FF165-3693-497D-A997-D009FB519B94}" dt="2021-04-14T12:51:27.754" v="34108" actId="21"/>
          <ac:picMkLst>
            <pc:docMk/>
            <pc:sldMk cId="1477883713" sldId="1104"/>
            <ac:picMk id="8" creationId="{1FDC7A52-2B66-4794-9D54-E6BF0FBD597C}"/>
          </ac:picMkLst>
        </pc:picChg>
        <pc:picChg chg="add del mod modCrop">
          <ac:chgData name="Gail Cross" userId="9e0fbb2e9583deed" providerId="LiveId" clId="{A07FF165-3693-497D-A997-D009FB519B94}" dt="2021-04-14T12:51:34.164" v="34110" actId="21"/>
          <ac:picMkLst>
            <pc:docMk/>
            <pc:sldMk cId="1477883713" sldId="1104"/>
            <ac:picMk id="9" creationId="{DB953E5F-73A5-4AF7-99DB-70C74FFEB495}"/>
          </ac:picMkLst>
        </pc:picChg>
      </pc:sldChg>
      <pc:sldChg chg="modSp mod">
        <pc:chgData name="Gail Cross" userId="9e0fbb2e9583deed" providerId="LiveId" clId="{A07FF165-3693-497D-A997-D009FB519B94}" dt="2021-04-14T13:56:21.970" v="35938" actId="114"/>
        <pc:sldMkLst>
          <pc:docMk/>
          <pc:sldMk cId="1793518115" sldId="1105"/>
        </pc:sldMkLst>
        <pc:graphicFrameChg chg="mod modGraphic">
          <ac:chgData name="Gail Cross" userId="9e0fbb2e9583deed" providerId="LiveId" clId="{A07FF165-3693-497D-A997-D009FB519B94}" dt="2021-04-14T13:56:21.970" v="35938" actId="114"/>
          <ac:graphicFrameMkLst>
            <pc:docMk/>
            <pc:sldMk cId="1793518115" sldId="1105"/>
            <ac:graphicFrameMk id="6" creationId="{0CFBF534-8027-42D1-B420-30C3E40A0281}"/>
          </ac:graphicFrameMkLst>
        </pc:graphicFrameChg>
      </pc:sldChg>
      <pc:sldChg chg="addSp delSp modSp new mod">
        <pc:chgData name="Gail Cross" userId="9e0fbb2e9583deed" providerId="LiveId" clId="{A07FF165-3693-497D-A997-D009FB519B94}" dt="2021-04-15T05:34:16.719" v="62546" actId="20577"/>
        <pc:sldMkLst>
          <pc:docMk/>
          <pc:sldMk cId="2937371087" sldId="1106"/>
        </pc:sldMkLst>
        <pc:spChg chg="mod">
          <ac:chgData name="Gail Cross" userId="9e0fbb2e9583deed" providerId="LiveId" clId="{A07FF165-3693-497D-A997-D009FB519B94}" dt="2021-04-14T14:09:23.557" v="36160" actId="113"/>
          <ac:spMkLst>
            <pc:docMk/>
            <pc:sldMk cId="2937371087" sldId="1106"/>
            <ac:spMk id="2" creationId="{DBE6A9BE-1CF1-42A3-97CF-5EFAB2CB52B8}"/>
          </ac:spMkLst>
        </pc:spChg>
        <pc:spChg chg="del">
          <ac:chgData name="Gail Cross" userId="9e0fbb2e9583deed" providerId="LiveId" clId="{A07FF165-3693-497D-A997-D009FB519B94}" dt="2021-04-14T14:04:49.728" v="35988" actId="1032"/>
          <ac:spMkLst>
            <pc:docMk/>
            <pc:sldMk cId="2937371087" sldId="1106"/>
            <ac:spMk id="3" creationId="{F4337DF2-5009-474C-804D-4D8464E6F473}"/>
          </ac:spMkLst>
        </pc:spChg>
        <pc:graphicFrameChg chg="add mod modGraphic">
          <ac:chgData name="Gail Cross" userId="9e0fbb2e9583deed" providerId="LiveId" clId="{A07FF165-3693-497D-A997-D009FB519B94}" dt="2021-04-15T05:34:16.719" v="62546" actId="20577"/>
          <ac:graphicFrameMkLst>
            <pc:docMk/>
            <pc:sldMk cId="2937371087" sldId="1106"/>
            <ac:graphicFrameMk id="4" creationId="{382A2F75-9148-4C12-ADF9-1E5E378BDB01}"/>
          </ac:graphicFrameMkLst>
        </pc:graphicFrameChg>
      </pc:sldChg>
      <pc:sldChg chg="addSp delSp modSp new mod modAnim">
        <pc:chgData name="Gail Cross" userId="9e0fbb2e9583deed" providerId="LiveId" clId="{A07FF165-3693-497D-A997-D009FB519B94}" dt="2021-04-15T03:34:44.921" v="59878" actId="20577"/>
        <pc:sldMkLst>
          <pc:docMk/>
          <pc:sldMk cId="1769703844" sldId="1107"/>
        </pc:sldMkLst>
        <pc:spChg chg="mod">
          <ac:chgData name="Gail Cross" userId="9e0fbb2e9583deed" providerId="LiveId" clId="{A07FF165-3693-497D-A997-D009FB519B94}" dt="2021-04-14T14:56:19.525" v="37498" actId="14100"/>
          <ac:spMkLst>
            <pc:docMk/>
            <pc:sldMk cId="1769703844" sldId="1107"/>
            <ac:spMk id="2" creationId="{BA1A232C-BEC9-4C76-952B-9741EB320277}"/>
          </ac:spMkLst>
        </pc:spChg>
        <pc:spChg chg="del mod">
          <ac:chgData name="Gail Cross" userId="9e0fbb2e9583deed" providerId="LiveId" clId="{A07FF165-3693-497D-A997-D009FB519B94}" dt="2021-04-14T14:46:48.350" v="36988" actId="478"/>
          <ac:spMkLst>
            <pc:docMk/>
            <pc:sldMk cId="1769703844" sldId="1107"/>
            <ac:spMk id="3" creationId="{5BB71D22-EC01-4D95-ABC3-158BF1040D3B}"/>
          </ac:spMkLst>
        </pc:spChg>
        <pc:spChg chg="del mod">
          <ac:chgData name="Gail Cross" userId="9e0fbb2e9583deed" providerId="LiveId" clId="{A07FF165-3693-497D-A997-D009FB519B94}" dt="2021-04-14T14:46:55.687" v="36990" actId="478"/>
          <ac:spMkLst>
            <pc:docMk/>
            <pc:sldMk cId="1769703844" sldId="1107"/>
            <ac:spMk id="4" creationId="{861DA8D5-CBBE-4A59-B542-4654F40ED5EA}"/>
          </ac:spMkLst>
        </pc:spChg>
        <pc:spChg chg="add del mod">
          <ac:chgData name="Gail Cross" userId="9e0fbb2e9583deed" providerId="LiveId" clId="{A07FF165-3693-497D-A997-D009FB519B94}" dt="2021-04-14T14:46:51.381" v="36989" actId="478"/>
          <ac:spMkLst>
            <pc:docMk/>
            <pc:sldMk cId="1769703844" sldId="1107"/>
            <ac:spMk id="6" creationId="{7E81B402-0967-4D9B-91DF-6107D6D9AD99}"/>
          </ac:spMkLst>
        </pc:spChg>
        <pc:spChg chg="add del mod">
          <ac:chgData name="Gail Cross" userId="9e0fbb2e9583deed" providerId="LiveId" clId="{A07FF165-3693-497D-A997-D009FB519B94}" dt="2021-04-14T14:46:59.429" v="36991" actId="478"/>
          <ac:spMkLst>
            <pc:docMk/>
            <pc:sldMk cId="1769703844" sldId="1107"/>
            <ac:spMk id="8" creationId="{A5C03317-C19B-4076-87BC-D54BBE12636A}"/>
          </ac:spMkLst>
        </pc:spChg>
        <pc:spChg chg="add del mod">
          <ac:chgData name="Gail Cross" userId="9e0fbb2e9583deed" providerId="LiveId" clId="{A07FF165-3693-497D-A997-D009FB519B94}" dt="2021-04-14T14:56:36.206" v="37521" actId="478"/>
          <ac:spMkLst>
            <pc:docMk/>
            <pc:sldMk cId="1769703844" sldId="1107"/>
            <ac:spMk id="10" creationId="{8917817B-F699-4208-9562-6BAE19ED46F6}"/>
          </ac:spMkLst>
        </pc:spChg>
        <pc:spChg chg="add mod">
          <ac:chgData name="Gail Cross" userId="9e0fbb2e9583deed" providerId="LiveId" clId="{A07FF165-3693-497D-A997-D009FB519B94}" dt="2021-04-14T14:56:54.914" v="37530" actId="692"/>
          <ac:spMkLst>
            <pc:docMk/>
            <pc:sldMk cId="1769703844" sldId="1107"/>
            <ac:spMk id="11" creationId="{0B4619AB-0A6E-488F-8030-65374107F545}"/>
          </ac:spMkLst>
        </pc:spChg>
        <pc:graphicFrameChg chg="add mod modGraphic">
          <ac:chgData name="Gail Cross" userId="9e0fbb2e9583deed" providerId="LiveId" clId="{A07FF165-3693-497D-A997-D009FB519B94}" dt="2021-04-15T03:34:44.921" v="59878" actId="20577"/>
          <ac:graphicFrameMkLst>
            <pc:docMk/>
            <pc:sldMk cId="1769703844" sldId="1107"/>
            <ac:graphicFrameMk id="9" creationId="{D8CBA62C-BBA6-4E5E-835C-8305218BF483}"/>
          </ac:graphicFrameMkLst>
        </pc:graphicFrameChg>
      </pc:sldChg>
      <pc:sldChg chg="addSp delSp modSp new mod modClrScheme modAnim chgLayout">
        <pc:chgData name="Gail Cross" userId="9e0fbb2e9583deed" providerId="LiveId" clId="{A07FF165-3693-497D-A997-D009FB519B94}" dt="2021-04-15T11:04:59.700" v="62729" actId="20577"/>
        <pc:sldMkLst>
          <pc:docMk/>
          <pc:sldMk cId="467173589" sldId="1108"/>
        </pc:sldMkLst>
        <pc:spChg chg="mod ord">
          <ac:chgData name="Gail Cross" userId="9e0fbb2e9583deed" providerId="LiveId" clId="{A07FF165-3693-497D-A997-D009FB519B94}" dt="2021-04-15T04:30:55.262" v="60982" actId="20577"/>
          <ac:spMkLst>
            <pc:docMk/>
            <pc:sldMk cId="467173589" sldId="1108"/>
            <ac:spMk id="2" creationId="{3D899858-28F2-49CF-89F7-3B0764D1A182}"/>
          </ac:spMkLst>
        </pc:spChg>
        <pc:spChg chg="del mod ord">
          <ac:chgData name="Gail Cross" userId="9e0fbb2e9583deed" providerId="LiveId" clId="{A07FF165-3693-497D-A997-D009FB519B94}" dt="2021-04-14T14:58:56.443" v="37604" actId="700"/>
          <ac:spMkLst>
            <pc:docMk/>
            <pc:sldMk cId="467173589" sldId="1108"/>
            <ac:spMk id="3" creationId="{3931CAC6-4237-416E-B24B-F5EAC94348E0}"/>
          </ac:spMkLst>
        </pc:spChg>
        <pc:spChg chg="del">
          <ac:chgData name="Gail Cross" userId="9e0fbb2e9583deed" providerId="LiveId" clId="{A07FF165-3693-497D-A997-D009FB519B94}" dt="2021-04-14T14:58:56.443" v="37604" actId="700"/>
          <ac:spMkLst>
            <pc:docMk/>
            <pc:sldMk cId="467173589" sldId="1108"/>
            <ac:spMk id="4" creationId="{183FFDA1-28F9-4C1F-9D2B-BF6C59090A97}"/>
          </ac:spMkLst>
        </pc:spChg>
        <pc:spChg chg="add mod ord">
          <ac:chgData name="Gail Cross" userId="9e0fbb2e9583deed" providerId="LiveId" clId="{A07FF165-3693-497D-A997-D009FB519B94}" dt="2021-04-15T11:04:59.700" v="62729" actId="20577"/>
          <ac:spMkLst>
            <pc:docMk/>
            <pc:sldMk cId="467173589" sldId="1108"/>
            <ac:spMk id="5" creationId="{EDB5AA2D-C7B7-42F6-89EA-8BDBDBDFFAE4}"/>
          </ac:spMkLst>
        </pc:spChg>
      </pc:sldChg>
      <pc:sldChg chg="new del">
        <pc:chgData name="Gail Cross" userId="9e0fbb2e9583deed" providerId="LiveId" clId="{A07FF165-3693-497D-A997-D009FB519B94}" dt="2021-04-14T16:15:41.833" v="38882" actId="47"/>
        <pc:sldMkLst>
          <pc:docMk/>
          <pc:sldMk cId="3493397697" sldId="1109"/>
        </pc:sldMkLst>
      </pc:sldChg>
      <pc:sldChg chg="new del">
        <pc:chgData name="Gail Cross" userId="9e0fbb2e9583deed" providerId="LiveId" clId="{A07FF165-3693-497D-A997-D009FB519B94}" dt="2021-04-14T16:15:40.178" v="38881" actId="47"/>
        <pc:sldMkLst>
          <pc:docMk/>
          <pc:sldMk cId="4022692440" sldId="1110"/>
        </pc:sldMkLst>
      </pc:sldChg>
      <pc:sldChg chg="modSp del mod chgLayout">
        <pc:chgData name="Gail Cross" userId="9e0fbb2e9583deed" providerId="LiveId" clId="{A07FF165-3693-497D-A997-D009FB519B94}" dt="2021-04-14T16:17:41.247" v="38916" actId="47"/>
        <pc:sldMkLst>
          <pc:docMk/>
          <pc:sldMk cId="1145973119" sldId="1111"/>
        </pc:sldMkLst>
        <pc:spChg chg="mod ord">
          <ac:chgData name="Gail Cross" userId="9e0fbb2e9583deed" providerId="LiveId" clId="{A07FF165-3693-497D-A997-D009FB519B94}" dt="2021-04-14T16:17:26.937" v="38913" actId="700"/>
          <ac:spMkLst>
            <pc:docMk/>
            <pc:sldMk cId="1145973119" sldId="1111"/>
            <ac:spMk id="2" creationId="{3D899858-28F2-49CF-89F7-3B0764D1A182}"/>
          </ac:spMkLst>
        </pc:spChg>
        <pc:spChg chg="mod ord">
          <ac:chgData name="Gail Cross" userId="9e0fbb2e9583deed" providerId="LiveId" clId="{A07FF165-3693-497D-A997-D009FB519B94}" dt="2021-04-14T16:17:26.937" v="38913" actId="700"/>
          <ac:spMkLst>
            <pc:docMk/>
            <pc:sldMk cId="1145973119" sldId="1111"/>
            <ac:spMk id="5" creationId="{EDB5AA2D-C7B7-42F6-89EA-8BDBDBDFFAE4}"/>
          </ac:spMkLst>
        </pc:spChg>
      </pc:sldChg>
      <pc:sldChg chg="addSp modSp new mod">
        <pc:chgData name="Gail Cross" userId="9e0fbb2e9583deed" providerId="LiveId" clId="{A07FF165-3693-497D-A997-D009FB519B94}" dt="2021-04-15T04:30:25.308" v="60977" actId="20577"/>
        <pc:sldMkLst>
          <pc:docMk/>
          <pc:sldMk cId="2639359896" sldId="1112"/>
        </pc:sldMkLst>
        <pc:spChg chg="mod">
          <ac:chgData name="Gail Cross" userId="9e0fbb2e9583deed" providerId="LiveId" clId="{A07FF165-3693-497D-A997-D009FB519B94}" dt="2021-04-15T03:35:08.942" v="59880" actId="20577"/>
          <ac:spMkLst>
            <pc:docMk/>
            <pc:sldMk cId="2639359896" sldId="1112"/>
            <ac:spMk id="2" creationId="{DB5F348C-4AB1-4F30-B3B2-A4B28653F304}"/>
          </ac:spMkLst>
        </pc:spChg>
        <pc:spChg chg="mod">
          <ac:chgData name="Gail Cross" userId="9e0fbb2e9583deed" providerId="LiveId" clId="{A07FF165-3693-497D-A997-D009FB519B94}" dt="2021-04-15T04:30:25.308" v="60977" actId="20577"/>
          <ac:spMkLst>
            <pc:docMk/>
            <pc:sldMk cId="2639359896" sldId="1112"/>
            <ac:spMk id="3" creationId="{9FC9D3DD-BC52-42EB-A9F1-9389CDAABB95}"/>
          </ac:spMkLst>
        </pc:spChg>
        <pc:picChg chg="add mod">
          <ac:chgData name="Gail Cross" userId="9e0fbb2e9583deed" providerId="LiveId" clId="{A07FF165-3693-497D-A997-D009FB519B94}" dt="2021-04-15T04:27:33.691" v="60905" actId="14100"/>
          <ac:picMkLst>
            <pc:docMk/>
            <pc:sldMk cId="2639359896" sldId="1112"/>
            <ac:picMk id="4" creationId="{234C59A5-9971-4DA0-840E-B82521B393DD}"/>
          </ac:picMkLst>
        </pc:picChg>
      </pc:sldChg>
      <pc:sldChg chg="addSp delSp modSp new mod modClrScheme chgLayout">
        <pc:chgData name="Gail Cross" userId="9e0fbb2e9583deed" providerId="LiveId" clId="{A07FF165-3693-497D-A997-D009FB519B94}" dt="2021-04-15T04:27:22.587" v="60903" actId="14100"/>
        <pc:sldMkLst>
          <pc:docMk/>
          <pc:sldMk cId="1695167907" sldId="1113"/>
        </pc:sldMkLst>
        <pc:spChg chg="mod ord">
          <ac:chgData name="Gail Cross" userId="9e0fbb2e9583deed" providerId="LiveId" clId="{A07FF165-3693-497D-A997-D009FB519B94}" dt="2021-04-14T16:26:12.672" v="39419" actId="700"/>
          <ac:spMkLst>
            <pc:docMk/>
            <pc:sldMk cId="1695167907" sldId="1113"/>
            <ac:spMk id="2" creationId="{CFCD94DD-CEB1-4006-8F6B-CBFD4F79F5FA}"/>
          </ac:spMkLst>
        </pc:spChg>
        <pc:spChg chg="del mod ord">
          <ac:chgData name="Gail Cross" userId="9e0fbb2e9583deed" providerId="LiveId" clId="{A07FF165-3693-497D-A997-D009FB519B94}" dt="2021-04-14T16:26:12.672" v="39419" actId="700"/>
          <ac:spMkLst>
            <pc:docMk/>
            <pc:sldMk cId="1695167907" sldId="1113"/>
            <ac:spMk id="3" creationId="{D9769738-FCFD-4FDB-B504-64C8985FC555}"/>
          </ac:spMkLst>
        </pc:spChg>
        <pc:spChg chg="add mod ord">
          <ac:chgData name="Gail Cross" userId="9e0fbb2e9583deed" providerId="LiveId" clId="{A07FF165-3693-497D-A997-D009FB519B94}" dt="2021-04-14T16:30:00.430" v="39586" actId="27636"/>
          <ac:spMkLst>
            <pc:docMk/>
            <pc:sldMk cId="1695167907" sldId="1113"/>
            <ac:spMk id="4" creationId="{A89FE587-EA37-472A-9A20-94BCDDA1ED82}"/>
          </ac:spMkLst>
        </pc:spChg>
        <pc:spChg chg="add mod ord">
          <ac:chgData name="Gail Cross" userId="9e0fbb2e9583deed" providerId="LiveId" clId="{A07FF165-3693-497D-A997-D009FB519B94}" dt="2021-04-15T04:07:24.443" v="60109" actId="113"/>
          <ac:spMkLst>
            <pc:docMk/>
            <pc:sldMk cId="1695167907" sldId="1113"/>
            <ac:spMk id="5" creationId="{78DDE265-76CF-44BB-9C91-E21721E38ADE}"/>
          </ac:spMkLst>
        </pc:spChg>
        <pc:picChg chg="add mod">
          <ac:chgData name="Gail Cross" userId="9e0fbb2e9583deed" providerId="LiveId" clId="{A07FF165-3693-497D-A997-D009FB519B94}" dt="2021-04-15T04:27:22.587" v="60903" actId="14100"/>
          <ac:picMkLst>
            <pc:docMk/>
            <pc:sldMk cId="1695167907" sldId="1113"/>
            <ac:picMk id="6" creationId="{509186B1-06D6-42D5-AFFF-CF1B7ECFE3E6}"/>
          </ac:picMkLst>
        </pc:picChg>
      </pc:sldChg>
      <pc:sldChg chg="modSp add del mod">
        <pc:chgData name="Gail Cross" userId="9e0fbb2e9583deed" providerId="LiveId" clId="{A07FF165-3693-497D-A997-D009FB519B94}" dt="2021-04-14T16:35:30.624" v="39621" actId="47"/>
        <pc:sldMkLst>
          <pc:docMk/>
          <pc:sldMk cId="65722411" sldId="1114"/>
        </pc:sldMkLst>
        <pc:spChg chg="mod">
          <ac:chgData name="Gail Cross" userId="9e0fbb2e9583deed" providerId="LiveId" clId="{A07FF165-3693-497D-A997-D009FB519B94}" dt="2021-04-14T16:33:36.936" v="39604" actId="27636"/>
          <ac:spMkLst>
            <pc:docMk/>
            <pc:sldMk cId="65722411" sldId="1114"/>
            <ac:spMk id="3" creationId="{4C51B567-8369-4B76-AB7F-FDE2E3B6E4C1}"/>
          </ac:spMkLst>
        </pc:spChg>
        <pc:spChg chg="mod">
          <ac:chgData name="Gail Cross" userId="9e0fbb2e9583deed" providerId="LiveId" clId="{A07FF165-3693-497D-A997-D009FB519B94}" dt="2021-04-14T16:35:09.973" v="39620" actId="1076"/>
          <ac:spMkLst>
            <pc:docMk/>
            <pc:sldMk cId="65722411" sldId="1114"/>
            <ac:spMk id="4" creationId="{D5CBB24A-43DC-4FDB-93E9-4C6907404871}"/>
          </ac:spMkLst>
        </pc:spChg>
      </pc:sldChg>
      <pc:sldChg chg="addSp delSp modSp add mod ord">
        <pc:chgData name="Gail Cross" userId="9e0fbb2e9583deed" providerId="LiveId" clId="{A07FF165-3693-497D-A997-D009FB519B94}" dt="2021-04-14T16:56:37.759" v="42050" actId="1076"/>
        <pc:sldMkLst>
          <pc:docMk/>
          <pc:sldMk cId="1763447326" sldId="1115"/>
        </pc:sldMkLst>
        <pc:spChg chg="del">
          <ac:chgData name="Gail Cross" userId="9e0fbb2e9583deed" providerId="LiveId" clId="{A07FF165-3693-497D-A997-D009FB519B94}" dt="2021-04-14T16:34:41.831" v="39619" actId="478"/>
          <ac:spMkLst>
            <pc:docMk/>
            <pc:sldMk cId="1763447326" sldId="1115"/>
            <ac:spMk id="2" creationId="{B99D7666-2204-48E8-89E6-332713522DD3}"/>
          </ac:spMkLst>
        </pc:spChg>
        <pc:spChg chg="mod">
          <ac:chgData name="Gail Cross" userId="9e0fbb2e9583deed" providerId="LiveId" clId="{A07FF165-3693-497D-A997-D009FB519B94}" dt="2021-04-14T16:53:44.986" v="42003" actId="1076"/>
          <ac:spMkLst>
            <pc:docMk/>
            <pc:sldMk cId="1763447326" sldId="1115"/>
            <ac:spMk id="8" creationId="{984592DA-37EC-1447-82AF-FFB6DB9A9E1A}"/>
          </ac:spMkLst>
        </pc:spChg>
        <pc:spChg chg="mod">
          <ac:chgData name="Gail Cross" userId="9e0fbb2e9583deed" providerId="LiveId" clId="{A07FF165-3693-497D-A997-D009FB519B94}" dt="2021-04-14T16:54:41.642" v="42021"/>
          <ac:spMkLst>
            <pc:docMk/>
            <pc:sldMk cId="1763447326" sldId="1115"/>
            <ac:spMk id="25" creationId="{97E92F46-2A45-4D7A-AD04-8658C0C214F0}"/>
          </ac:spMkLst>
        </pc:spChg>
        <pc:spChg chg="mod">
          <ac:chgData name="Gail Cross" userId="9e0fbb2e9583deed" providerId="LiveId" clId="{A07FF165-3693-497D-A997-D009FB519B94}" dt="2021-04-14T16:54:41.642" v="42021"/>
          <ac:spMkLst>
            <pc:docMk/>
            <pc:sldMk cId="1763447326" sldId="1115"/>
            <ac:spMk id="26" creationId="{78FC284D-5995-495E-8E17-2F7C0F71BDD6}"/>
          </ac:spMkLst>
        </pc:spChg>
        <pc:grpChg chg="add mod">
          <ac:chgData name="Gail Cross" userId="9e0fbb2e9583deed" providerId="LiveId" clId="{A07FF165-3693-497D-A997-D009FB519B94}" dt="2021-04-14T16:55:11.441" v="42025" actId="1076"/>
          <ac:grpSpMkLst>
            <pc:docMk/>
            <pc:sldMk cId="1763447326" sldId="1115"/>
            <ac:grpSpMk id="24" creationId="{65936EFB-7194-4219-86DB-006E709F7D81}"/>
          </ac:grpSpMkLst>
        </pc:grpChg>
        <pc:grpChg chg="mod">
          <ac:chgData name="Gail Cross" userId="9e0fbb2e9583deed" providerId="LiveId" clId="{A07FF165-3693-497D-A997-D009FB519B94}" dt="2021-04-14T16:56:37.759" v="42050" actId="1076"/>
          <ac:grpSpMkLst>
            <pc:docMk/>
            <pc:sldMk cId="1763447326" sldId="1115"/>
            <ac:grpSpMk id="220" creationId="{00000000-0000-0000-0000-000000000000}"/>
          </ac:grpSpMkLst>
        </pc:grpChg>
        <pc:grpChg chg="mod">
          <ac:chgData name="Gail Cross" userId="9e0fbb2e9583deed" providerId="LiveId" clId="{A07FF165-3693-497D-A997-D009FB519B94}" dt="2021-04-14T16:56:19.686" v="42048" actId="14100"/>
          <ac:grpSpMkLst>
            <pc:docMk/>
            <pc:sldMk cId="1763447326" sldId="1115"/>
            <ac:grpSpMk id="223" creationId="{00000000-0000-0000-0000-000000000000}"/>
          </ac:grpSpMkLst>
        </pc:grpChg>
        <pc:grpChg chg="del">
          <ac:chgData name="Gail Cross" userId="9e0fbb2e9583deed" providerId="LiveId" clId="{A07FF165-3693-497D-A997-D009FB519B94}" dt="2021-04-14T16:54:45.441" v="42023" actId="478"/>
          <ac:grpSpMkLst>
            <pc:docMk/>
            <pc:sldMk cId="1763447326" sldId="1115"/>
            <ac:grpSpMk id="229" creationId="{00000000-0000-0000-0000-000000000000}"/>
          </ac:grpSpMkLst>
        </pc:grpChg>
        <pc:grpChg chg="mod">
          <ac:chgData name="Gail Cross" userId="9e0fbb2e9583deed" providerId="LiveId" clId="{A07FF165-3693-497D-A997-D009FB519B94}" dt="2021-04-14T16:53:55.510" v="42006" actId="1076"/>
          <ac:grpSpMkLst>
            <pc:docMk/>
            <pc:sldMk cId="1763447326" sldId="1115"/>
            <ac:grpSpMk id="251" creationId="{781AD660-FE09-3B40-8608-3742EF8BB5F4}"/>
          </ac:grpSpMkLst>
        </pc:grpChg>
        <pc:picChg chg="mod">
          <ac:chgData name="Gail Cross" userId="9e0fbb2e9583deed" providerId="LiveId" clId="{A07FF165-3693-497D-A997-D009FB519B94}" dt="2021-04-14T16:55:57.700" v="42042" actId="14100"/>
          <ac:picMkLst>
            <pc:docMk/>
            <pc:sldMk cId="1763447326" sldId="1115"/>
            <ac:picMk id="3" creationId="{CAC07F00-5C7F-4091-AA5E-72DD8DEE55E4}"/>
          </ac:picMkLst>
        </pc:picChg>
        <pc:picChg chg="mod">
          <ac:chgData name="Gail Cross" userId="9e0fbb2e9583deed" providerId="LiveId" clId="{A07FF165-3693-497D-A997-D009FB519B94}" dt="2021-04-14T16:56:34.036" v="42049" actId="14100"/>
          <ac:picMkLst>
            <pc:docMk/>
            <pc:sldMk cId="1763447326" sldId="1115"/>
            <ac:picMk id="6" creationId="{2AED505E-9FCE-A942-B8D8-9E5729E9E186}"/>
          </ac:picMkLst>
        </pc:picChg>
        <pc:picChg chg="mod modCrop">
          <ac:chgData name="Gail Cross" userId="9e0fbb2e9583deed" providerId="LiveId" clId="{A07FF165-3693-497D-A997-D009FB519B94}" dt="2021-04-14T16:55:45.918" v="42037" actId="14100"/>
          <ac:picMkLst>
            <pc:docMk/>
            <pc:sldMk cId="1763447326" sldId="1115"/>
            <ac:picMk id="9" creationId="{5E71D555-CC46-3744-BAB1-F55F6BFAB633}"/>
          </ac:picMkLst>
        </pc:picChg>
        <pc:picChg chg="mod">
          <ac:chgData name="Gail Cross" userId="9e0fbb2e9583deed" providerId="LiveId" clId="{A07FF165-3693-497D-A997-D009FB519B94}" dt="2021-04-14T16:56:00.205" v="42043" actId="14100"/>
          <ac:picMkLst>
            <pc:docMk/>
            <pc:sldMk cId="1763447326" sldId="1115"/>
            <ac:picMk id="10" creationId="{0EDECBF3-C10D-4046-B91E-8C3CF0C306BC}"/>
          </ac:picMkLst>
        </pc:picChg>
        <pc:picChg chg="mod">
          <ac:chgData name="Gail Cross" userId="9e0fbb2e9583deed" providerId="LiveId" clId="{A07FF165-3693-497D-A997-D009FB519B94}" dt="2021-04-14T16:53:59.555" v="42007" actId="1076"/>
          <ac:picMkLst>
            <pc:docMk/>
            <pc:sldMk cId="1763447326" sldId="1115"/>
            <ac:picMk id="11" creationId="{680FAB8D-DB8C-D14A-9C20-8E6926D3F696}"/>
          </ac:picMkLst>
        </pc:picChg>
        <pc:picChg chg="mod">
          <ac:chgData name="Gail Cross" userId="9e0fbb2e9583deed" providerId="LiveId" clId="{A07FF165-3693-497D-A997-D009FB519B94}" dt="2021-04-14T16:56:05.199" v="42044" actId="14100"/>
          <ac:picMkLst>
            <pc:docMk/>
            <pc:sldMk cId="1763447326" sldId="1115"/>
            <ac:picMk id="12" creationId="{C23D720F-9DBB-874D-81BF-193823BEDFB6}"/>
          </ac:picMkLst>
        </pc:picChg>
        <pc:picChg chg="mod">
          <ac:chgData name="Gail Cross" userId="9e0fbb2e9583deed" providerId="LiveId" clId="{A07FF165-3693-497D-A997-D009FB519B94}" dt="2021-04-14T16:55:52.230" v="42039" actId="14100"/>
          <ac:picMkLst>
            <pc:docMk/>
            <pc:sldMk cId="1763447326" sldId="1115"/>
            <ac:picMk id="21" creationId="{F84B4DFC-3E9F-401F-8ECE-00200F86F48C}"/>
          </ac:picMkLst>
        </pc:picChg>
        <pc:picChg chg="mod">
          <ac:chgData name="Gail Cross" userId="9e0fbb2e9583deed" providerId="LiveId" clId="{A07FF165-3693-497D-A997-D009FB519B94}" dt="2021-04-14T16:55:55.045" v="42041" actId="1076"/>
          <ac:picMkLst>
            <pc:docMk/>
            <pc:sldMk cId="1763447326" sldId="1115"/>
            <ac:picMk id="254" creationId="{2D7B0BF2-9CE8-2445-97B0-28B65837EFAE}"/>
          </ac:picMkLst>
        </pc:picChg>
      </pc:sldChg>
      <pc:sldChg chg="delSp new del mod modClrScheme chgLayout">
        <pc:chgData name="Gail Cross" userId="9e0fbb2e9583deed" providerId="LiveId" clId="{A07FF165-3693-497D-A997-D009FB519B94}" dt="2021-04-14T16:51:47.355" v="41996" actId="47"/>
        <pc:sldMkLst>
          <pc:docMk/>
          <pc:sldMk cId="430248357" sldId="1116"/>
        </pc:sldMkLst>
        <pc:spChg chg="del">
          <ac:chgData name="Gail Cross" userId="9e0fbb2e9583deed" providerId="LiveId" clId="{A07FF165-3693-497D-A997-D009FB519B94}" dt="2021-04-14T16:48:56.910" v="39938" actId="700"/>
          <ac:spMkLst>
            <pc:docMk/>
            <pc:sldMk cId="430248357" sldId="1116"/>
            <ac:spMk id="2" creationId="{B4CB2C4E-30AE-4D25-A3E0-B1B0FEEC14AE}"/>
          </ac:spMkLst>
        </pc:spChg>
        <pc:spChg chg="del">
          <ac:chgData name="Gail Cross" userId="9e0fbb2e9583deed" providerId="LiveId" clId="{A07FF165-3693-497D-A997-D009FB519B94}" dt="2021-04-14T16:48:56.910" v="39938" actId="700"/>
          <ac:spMkLst>
            <pc:docMk/>
            <pc:sldMk cId="430248357" sldId="1116"/>
            <ac:spMk id="3" creationId="{C823776D-A79D-4C50-83E0-BC79CE4E2B34}"/>
          </ac:spMkLst>
        </pc:spChg>
        <pc:spChg chg="del">
          <ac:chgData name="Gail Cross" userId="9e0fbb2e9583deed" providerId="LiveId" clId="{A07FF165-3693-497D-A997-D009FB519B94}" dt="2021-04-14T16:48:56.910" v="39938" actId="700"/>
          <ac:spMkLst>
            <pc:docMk/>
            <pc:sldMk cId="430248357" sldId="1116"/>
            <ac:spMk id="4" creationId="{92F92035-FE21-4BDB-9F7F-43D126CD3A07}"/>
          </ac:spMkLst>
        </pc:spChg>
      </pc:sldChg>
      <pc:sldChg chg="addSp delSp modSp add mod">
        <pc:chgData name="Gail Cross" userId="9e0fbb2e9583deed" providerId="LiveId" clId="{A07FF165-3693-497D-A997-D009FB519B94}" dt="2021-04-15T04:58:46.950" v="61079"/>
        <pc:sldMkLst>
          <pc:docMk/>
          <pc:sldMk cId="2094940029" sldId="1116"/>
        </pc:sldMkLst>
        <pc:spChg chg="del">
          <ac:chgData name="Gail Cross" userId="9e0fbb2e9583deed" providerId="LiveId" clId="{A07FF165-3693-497D-A997-D009FB519B94}" dt="2021-04-14T17:08:21.044" v="57948" actId="478"/>
          <ac:spMkLst>
            <pc:docMk/>
            <pc:sldMk cId="2094940029" sldId="1116"/>
            <ac:spMk id="7" creationId="{70094CA4-0CFB-40F3-950F-C9373DE305C3}"/>
          </ac:spMkLst>
        </pc:spChg>
        <pc:graphicFrameChg chg="add mod">
          <ac:chgData name="Gail Cross" userId="9e0fbb2e9583deed" providerId="LiveId" clId="{A07FF165-3693-497D-A997-D009FB519B94}" dt="2021-04-15T04:45:50.323" v="61056" actId="14100"/>
          <ac:graphicFrameMkLst>
            <pc:docMk/>
            <pc:sldMk cId="2094940029" sldId="1116"/>
            <ac:graphicFrameMk id="4" creationId="{41DED30E-6CC5-4336-8BCA-6BB92AC0ED69}"/>
          </ac:graphicFrameMkLst>
        </pc:graphicFrameChg>
        <pc:graphicFrameChg chg="mod">
          <ac:chgData name="Gail Cross" userId="9e0fbb2e9583deed" providerId="LiveId" clId="{A07FF165-3693-497D-A997-D009FB519B94}" dt="2021-04-15T04:58:46.950" v="61079"/>
          <ac:graphicFrameMkLst>
            <pc:docMk/>
            <pc:sldMk cId="2094940029" sldId="1116"/>
            <ac:graphicFrameMk id="6" creationId="{D6CF5D33-FECF-4A2E-8FB9-E04F093301DE}"/>
          </ac:graphicFrameMkLst>
        </pc:graphicFrameChg>
        <pc:picChg chg="mod">
          <ac:chgData name="Gail Cross" userId="9e0fbb2e9583deed" providerId="LiveId" clId="{A07FF165-3693-497D-A997-D009FB519B94}" dt="2021-04-14T17:08:18.609" v="57947" actId="14100"/>
          <ac:picMkLst>
            <pc:docMk/>
            <pc:sldMk cId="2094940029" sldId="1116"/>
            <ac:picMk id="2" creationId="{A88440CE-FCEB-401F-8513-126E8DF93309}"/>
          </ac:picMkLst>
        </pc:picChg>
      </pc:sldChg>
      <pc:sldChg chg="addSp modSp new mod modClrScheme chgLayout">
        <pc:chgData name="Gail Cross" userId="9e0fbb2e9583deed" providerId="LiveId" clId="{A07FF165-3693-497D-A997-D009FB519B94}" dt="2021-04-15T06:14:40.503" v="62622" actId="20577"/>
        <pc:sldMkLst>
          <pc:docMk/>
          <pc:sldMk cId="408625326" sldId="1117"/>
        </pc:sldMkLst>
        <pc:spChg chg="add mod">
          <ac:chgData name="Gail Cross" userId="9e0fbb2e9583deed" providerId="LiveId" clId="{A07FF165-3693-497D-A997-D009FB519B94}" dt="2021-04-14T17:09:07.705" v="57967" actId="20577"/>
          <ac:spMkLst>
            <pc:docMk/>
            <pc:sldMk cId="408625326" sldId="1117"/>
            <ac:spMk id="2" creationId="{4B1F2584-EFF8-408F-85B7-790430963DF4}"/>
          </ac:spMkLst>
        </pc:spChg>
        <pc:spChg chg="add mod">
          <ac:chgData name="Gail Cross" userId="9e0fbb2e9583deed" providerId="LiveId" clId="{A07FF165-3693-497D-A997-D009FB519B94}" dt="2021-04-15T06:14:40.503" v="62622" actId="20577"/>
          <ac:spMkLst>
            <pc:docMk/>
            <pc:sldMk cId="408625326" sldId="1117"/>
            <ac:spMk id="3" creationId="{2784AA2E-1F54-40E8-B577-E20DF6337E4F}"/>
          </ac:spMkLst>
        </pc:spChg>
        <pc:picChg chg="add mod">
          <ac:chgData name="Gail Cross" userId="9e0fbb2e9583deed" providerId="LiveId" clId="{A07FF165-3693-497D-A997-D009FB519B94}" dt="2021-04-15T04:26:42.477" v="60891" actId="14100"/>
          <ac:picMkLst>
            <pc:docMk/>
            <pc:sldMk cId="408625326" sldId="1117"/>
            <ac:picMk id="4" creationId="{58A65D60-9404-43C0-B91B-F3188527FE38}"/>
          </ac:picMkLst>
        </pc:picChg>
      </pc:sldChg>
      <pc:sldChg chg="addSp delSp modSp new mod">
        <pc:chgData name="Gail Cross" userId="9e0fbb2e9583deed" providerId="LiveId" clId="{A07FF165-3693-497D-A997-D009FB519B94}" dt="2021-04-15T05:41:16.112" v="62581" actId="113"/>
        <pc:sldMkLst>
          <pc:docMk/>
          <pc:sldMk cId="4293513577" sldId="1118"/>
        </pc:sldMkLst>
        <pc:spChg chg="del mod">
          <ac:chgData name="Gail Cross" userId="9e0fbb2e9583deed" providerId="LiveId" clId="{A07FF165-3693-497D-A997-D009FB519B94}" dt="2021-04-15T03:23:55.005" v="59532" actId="478"/>
          <ac:spMkLst>
            <pc:docMk/>
            <pc:sldMk cId="4293513577" sldId="1118"/>
            <ac:spMk id="2" creationId="{C42051E6-6437-44BA-B3E3-8EFE3540615E}"/>
          </ac:spMkLst>
        </pc:spChg>
        <pc:spChg chg="del">
          <ac:chgData name="Gail Cross" userId="9e0fbb2e9583deed" providerId="LiveId" clId="{A07FF165-3693-497D-A997-D009FB519B94}" dt="2021-04-15T03:08:34.111" v="58950"/>
          <ac:spMkLst>
            <pc:docMk/>
            <pc:sldMk cId="4293513577" sldId="1118"/>
            <ac:spMk id="3" creationId="{72068BF6-595E-40BC-80D2-C9CCAF0DC719}"/>
          </ac:spMkLst>
        </pc:spChg>
        <pc:spChg chg="add del mod">
          <ac:chgData name="Gail Cross" userId="9e0fbb2e9583deed" providerId="LiveId" clId="{A07FF165-3693-497D-A997-D009FB519B94}" dt="2021-04-15T03:24:01.146" v="59534" actId="478"/>
          <ac:spMkLst>
            <pc:docMk/>
            <pc:sldMk cId="4293513577" sldId="1118"/>
            <ac:spMk id="6" creationId="{6C627673-450E-41F4-A0DA-3FBF7A63A68E}"/>
          </ac:spMkLst>
        </pc:spChg>
        <pc:spChg chg="add mod">
          <ac:chgData name="Gail Cross" userId="9e0fbb2e9583deed" providerId="LiveId" clId="{A07FF165-3693-497D-A997-D009FB519B94}" dt="2021-04-15T03:33:11.417" v="59873" actId="14100"/>
          <ac:spMkLst>
            <pc:docMk/>
            <pc:sldMk cId="4293513577" sldId="1118"/>
            <ac:spMk id="7" creationId="{DC957C6C-EB48-4C9A-95B1-EB60B772CF9B}"/>
          </ac:spMkLst>
        </pc:spChg>
        <pc:graphicFrameChg chg="add mod modGraphic">
          <ac:chgData name="Gail Cross" userId="9e0fbb2e9583deed" providerId="LiveId" clId="{A07FF165-3693-497D-A997-D009FB519B94}" dt="2021-04-15T05:41:16.112" v="62581" actId="113"/>
          <ac:graphicFrameMkLst>
            <pc:docMk/>
            <pc:sldMk cId="4293513577" sldId="1118"/>
            <ac:graphicFrameMk id="4" creationId="{70691EB8-0CF0-42EB-895C-F871DAA27E2B}"/>
          </ac:graphicFrameMkLst>
        </pc:graphicFrameChg>
      </pc:sldChg>
      <pc:sldChg chg="addSp delSp modSp new mod modClrScheme chgLayout modNotesTx">
        <pc:chgData name="Gail Cross" userId="9e0fbb2e9583deed" providerId="LiveId" clId="{A07FF165-3693-497D-A997-D009FB519B94}" dt="2021-04-15T04:26:57.163" v="60895" actId="14100"/>
        <pc:sldMkLst>
          <pc:docMk/>
          <pc:sldMk cId="3303141565" sldId="1119"/>
        </pc:sldMkLst>
        <pc:spChg chg="mod ord">
          <ac:chgData name="Gail Cross" userId="9e0fbb2e9583deed" providerId="LiveId" clId="{A07FF165-3693-497D-A997-D009FB519B94}" dt="2021-04-15T04:07:59.789" v="60118" actId="1076"/>
          <ac:spMkLst>
            <pc:docMk/>
            <pc:sldMk cId="3303141565" sldId="1119"/>
            <ac:spMk id="2" creationId="{734990CF-FAE8-45BC-91FA-8042D1DED304}"/>
          </ac:spMkLst>
        </pc:spChg>
        <pc:spChg chg="del mod ord">
          <ac:chgData name="Gail Cross" userId="9e0fbb2e9583deed" providerId="LiveId" clId="{A07FF165-3693-497D-A997-D009FB519B94}" dt="2021-04-15T03:38:59.687" v="59975" actId="700"/>
          <ac:spMkLst>
            <pc:docMk/>
            <pc:sldMk cId="3303141565" sldId="1119"/>
            <ac:spMk id="3" creationId="{43E74742-CF92-4AA6-A84C-6EB68ADDC190}"/>
          </ac:spMkLst>
        </pc:spChg>
        <pc:spChg chg="add del mod ord">
          <ac:chgData name="Gail Cross" userId="9e0fbb2e9583deed" providerId="LiveId" clId="{A07FF165-3693-497D-A997-D009FB519B94}" dt="2021-04-15T03:48:22.115" v="60041" actId="700"/>
          <ac:spMkLst>
            <pc:docMk/>
            <pc:sldMk cId="3303141565" sldId="1119"/>
            <ac:spMk id="4" creationId="{3666B822-0EEB-4AA9-AC42-5DDAB3895E22}"/>
          </ac:spMkLst>
        </pc:spChg>
        <pc:spChg chg="add del mod ord">
          <ac:chgData name="Gail Cross" userId="9e0fbb2e9583deed" providerId="LiveId" clId="{A07FF165-3693-497D-A997-D009FB519B94}" dt="2021-04-15T04:04:51.870" v="60051" actId="22"/>
          <ac:spMkLst>
            <pc:docMk/>
            <pc:sldMk cId="3303141565" sldId="1119"/>
            <ac:spMk id="5" creationId="{C986F9F1-19C6-44DE-9A32-A4012E890AE5}"/>
          </ac:spMkLst>
        </pc:spChg>
        <pc:spChg chg="add mod">
          <ac:chgData name="Gail Cross" userId="9e0fbb2e9583deed" providerId="LiveId" clId="{A07FF165-3693-497D-A997-D009FB519B94}" dt="2021-04-15T04:14:24.847" v="60272" actId="20577"/>
          <ac:spMkLst>
            <pc:docMk/>
            <pc:sldMk cId="3303141565" sldId="1119"/>
            <ac:spMk id="8" creationId="{8B51729F-98B5-4D56-930D-D6037E52EE11}"/>
          </ac:spMkLst>
        </pc:spChg>
        <pc:spChg chg="add mod">
          <ac:chgData name="Gail Cross" userId="9e0fbb2e9583deed" providerId="LiveId" clId="{A07FF165-3693-497D-A997-D009FB519B94}" dt="2021-04-15T04:14:02.393" v="60239" actId="14100"/>
          <ac:spMkLst>
            <pc:docMk/>
            <pc:sldMk cId="3303141565" sldId="1119"/>
            <ac:spMk id="9" creationId="{B061F142-03A6-4B85-903B-B7896D93FA07}"/>
          </ac:spMkLst>
        </pc:spChg>
        <pc:picChg chg="add mod ord">
          <ac:chgData name="Gail Cross" userId="9e0fbb2e9583deed" providerId="LiveId" clId="{A07FF165-3693-497D-A997-D009FB519B94}" dt="2021-04-15T04:08:07.905" v="60121" actId="1076"/>
          <ac:picMkLst>
            <pc:docMk/>
            <pc:sldMk cId="3303141565" sldId="1119"/>
            <ac:picMk id="7" creationId="{4CF88203-368D-49B8-B92B-B7184886BFAA}"/>
          </ac:picMkLst>
        </pc:picChg>
        <pc:picChg chg="add mod">
          <ac:chgData name="Gail Cross" userId="9e0fbb2e9583deed" providerId="LiveId" clId="{A07FF165-3693-497D-A997-D009FB519B94}" dt="2021-04-15T04:26:57.163" v="60895" actId="14100"/>
          <ac:picMkLst>
            <pc:docMk/>
            <pc:sldMk cId="3303141565" sldId="1119"/>
            <ac:picMk id="10" creationId="{3CFFC663-8F8D-4E4C-B527-5F142F549357}"/>
          </ac:picMkLst>
        </pc:picChg>
      </pc:sldChg>
      <pc:sldChg chg="addSp delSp modSp new del mod modClrScheme chgLayout">
        <pc:chgData name="Gail Cross" userId="9e0fbb2e9583deed" providerId="LiveId" clId="{A07FF165-3693-497D-A997-D009FB519B94}" dt="2021-04-15T04:45:57.891" v="61057" actId="47"/>
        <pc:sldMkLst>
          <pc:docMk/>
          <pc:sldMk cId="2539809029" sldId="1120"/>
        </pc:sldMkLst>
        <pc:spChg chg="add mod">
          <ac:chgData name="Gail Cross" userId="9e0fbb2e9583deed" providerId="LiveId" clId="{A07FF165-3693-497D-A997-D009FB519B94}" dt="2021-04-15T04:43:47.156" v="60997" actId="20577"/>
          <ac:spMkLst>
            <pc:docMk/>
            <pc:sldMk cId="2539809029" sldId="1120"/>
            <ac:spMk id="2" creationId="{7E055E97-EA48-44EB-9262-C53DEEFB2BD5}"/>
          </ac:spMkLst>
        </pc:spChg>
        <pc:spChg chg="add del mod">
          <ac:chgData name="Gail Cross" userId="9e0fbb2e9583deed" providerId="LiveId" clId="{A07FF165-3693-497D-A997-D009FB519B94}" dt="2021-04-15T04:40:35.592" v="60985"/>
          <ac:spMkLst>
            <pc:docMk/>
            <pc:sldMk cId="2539809029" sldId="1120"/>
            <ac:spMk id="3" creationId="{DAB58A4D-EF2D-4984-85EA-99AABEA82745}"/>
          </ac:spMkLst>
        </pc:spChg>
        <pc:spChg chg="add del mod">
          <ac:chgData name="Gail Cross" userId="9e0fbb2e9583deed" providerId="LiveId" clId="{A07FF165-3693-497D-A997-D009FB519B94}" dt="2021-04-15T04:44:32.600" v="60998" actId="1032"/>
          <ac:spMkLst>
            <pc:docMk/>
            <pc:sldMk cId="2539809029" sldId="1120"/>
            <ac:spMk id="6" creationId="{C88FC7BC-810A-4D09-937A-44D3AEA5CBB4}"/>
          </ac:spMkLst>
        </pc:spChg>
        <pc:graphicFrameChg chg="add del mod">
          <ac:chgData name="Gail Cross" userId="9e0fbb2e9583deed" providerId="LiveId" clId="{A07FF165-3693-497D-A997-D009FB519B94}" dt="2021-04-15T04:43:42.924" v="60986" actId="478"/>
          <ac:graphicFrameMkLst>
            <pc:docMk/>
            <pc:sldMk cId="2539809029" sldId="1120"/>
            <ac:graphicFrameMk id="4" creationId="{5A860FA9-A82B-4267-9648-312C93F4463E}"/>
          </ac:graphicFrameMkLst>
        </pc:graphicFrameChg>
        <pc:graphicFrameChg chg="add mod modGraphic">
          <ac:chgData name="Gail Cross" userId="9e0fbb2e9583deed" providerId="LiveId" clId="{A07FF165-3693-497D-A997-D009FB519B94}" dt="2021-04-15T04:45:27.376" v="61052" actId="478"/>
          <ac:graphicFrameMkLst>
            <pc:docMk/>
            <pc:sldMk cId="2539809029" sldId="1120"/>
            <ac:graphicFrameMk id="7" creationId="{58833B5C-6CF4-4313-BB95-25AB389DE431}"/>
          </ac:graphicFrameMkLst>
        </pc:graphicFrameChg>
        <pc:picChg chg="add mod">
          <ac:chgData name="Gail Cross" userId="9e0fbb2e9583deed" providerId="LiveId" clId="{A07FF165-3693-497D-A997-D009FB519B94}" dt="2021-04-15T04:45:41.342" v="61054" actId="1076"/>
          <ac:picMkLst>
            <pc:docMk/>
            <pc:sldMk cId="2539809029" sldId="1120"/>
            <ac:picMk id="8" creationId="{09D17B9D-7026-41B9-AB4C-28077B389022}"/>
          </ac:picMkLst>
        </pc:picChg>
      </pc:sldChg>
      <pc:sldChg chg="delSp modSp mod delAnim">
        <pc:chgData name="Gail Cross" userId="9e0fbb2e9583deed" providerId="LiveId" clId="{A07FF165-3693-497D-A997-D009FB519B94}" dt="2021-04-15T10:34:04.631" v="62671" actId="20577"/>
        <pc:sldMkLst>
          <pc:docMk/>
          <pc:sldMk cId="4040412311" sldId="1120"/>
        </pc:sldMkLst>
        <pc:spChg chg="del">
          <ac:chgData name="Gail Cross" userId="9e0fbb2e9583deed" providerId="LiveId" clId="{A07FF165-3693-497D-A997-D009FB519B94}" dt="2021-04-15T10:30:32.336" v="62638" actId="478"/>
          <ac:spMkLst>
            <pc:docMk/>
            <pc:sldMk cId="4040412311" sldId="1120"/>
            <ac:spMk id="9" creationId="{21FC161A-0E5D-4BD0-AF49-EBF00F3C0653}"/>
          </ac:spMkLst>
        </pc:spChg>
        <pc:graphicFrameChg chg="mod modGraphic">
          <ac:chgData name="Gail Cross" userId="9e0fbb2e9583deed" providerId="LiveId" clId="{A07FF165-3693-497D-A997-D009FB519B94}" dt="2021-04-15T10:34:04.631" v="62671" actId="20577"/>
          <ac:graphicFrameMkLst>
            <pc:docMk/>
            <pc:sldMk cId="4040412311" sldId="1120"/>
            <ac:graphicFrameMk id="6" creationId="{0CFBF534-8027-42D1-B420-30C3E40A0281}"/>
          </ac:graphicFrameMkLst>
        </pc:graphicFrameChg>
        <pc:picChg chg="del">
          <ac:chgData name="Gail Cross" userId="9e0fbb2e9583deed" providerId="LiveId" clId="{A07FF165-3693-497D-A997-D009FB519B94}" dt="2021-04-15T10:30:30.525" v="62637" actId="478"/>
          <ac:picMkLst>
            <pc:docMk/>
            <pc:sldMk cId="4040412311" sldId="1120"/>
            <ac:picMk id="8" creationId="{84532B6C-8217-4613-B79B-0FD2F66F7855}"/>
          </ac:picMkLst>
        </pc:picChg>
      </pc:sldChg>
      <pc:sldChg chg="addSp delSp modSp new mod">
        <pc:chgData name="Gail Cross" userId="9e0fbb2e9583deed" providerId="LiveId" clId="{A07FF165-3693-497D-A997-D009FB519B94}" dt="2021-04-26T08:40:19.812" v="64011" actId="1038"/>
        <pc:sldMkLst>
          <pc:docMk/>
          <pc:sldMk cId="378097823" sldId="1121"/>
        </pc:sldMkLst>
        <pc:spChg chg="add mod">
          <ac:chgData name="Gail Cross" userId="9e0fbb2e9583deed" providerId="LiveId" clId="{A07FF165-3693-497D-A997-D009FB519B94}" dt="2021-04-26T08:35:47.143" v="63890" actId="255"/>
          <ac:spMkLst>
            <pc:docMk/>
            <pc:sldMk cId="378097823" sldId="1121"/>
            <ac:spMk id="2" creationId="{7D270591-8923-45DE-AC39-4E459D0F2348}"/>
          </ac:spMkLst>
        </pc:spChg>
        <pc:spChg chg="add mod">
          <ac:chgData name="Gail Cross" userId="9e0fbb2e9583deed" providerId="LiveId" clId="{A07FF165-3693-497D-A997-D009FB519B94}" dt="2021-04-26T08:37:15.394" v="63914" actId="1036"/>
          <ac:spMkLst>
            <pc:docMk/>
            <pc:sldMk cId="378097823" sldId="1121"/>
            <ac:spMk id="3" creationId="{E41E52C1-70B4-428F-81F0-7E82BEF4496E}"/>
          </ac:spMkLst>
        </pc:spChg>
        <pc:spChg chg="add mod">
          <ac:chgData name="Gail Cross" userId="9e0fbb2e9583deed" providerId="LiveId" clId="{A07FF165-3693-497D-A997-D009FB519B94}" dt="2021-04-26T08:38:30.277" v="63931" actId="20577"/>
          <ac:spMkLst>
            <pc:docMk/>
            <pc:sldMk cId="378097823" sldId="1121"/>
            <ac:spMk id="4" creationId="{7043F6BC-FC11-482C-A742-618914E0EEAA}"/>
          </ac:spMkLst>
        </pc:spChg>
        <pc:spChg chg="add mod">
          <ac:chgData name="Gail Cross" userId="9e0fbb2e9583deed" providerId="LiveId" clId="{A07FF165-3693-497D-A997-D009FB519B94}" dt="2021-04-26T08:40:12.846" v="64009" actId="1036"/>
          <ac:spMkLst>
            <pc:docMk/>
            <pc:sldMk cId="378097823" sldId="1121"/>
            <ac:spMk id="5" creationId="{46D2E160-1EE6-4843-A078-CEDE0252E142}"/>
          </ac:spMkLst>
        </pc:spChg>
        <pc:spChg chg="add mod">
          <ac:chgData name="Gail Cross" userId="9e0fbb2e9583deed" providerId="LiveId" clId="{A07FF165-3693-497D-A997-D009FB519B94}" dt="2021-04-26T08:39:29.604" v="64000" actId="1037"/>
          <ac:spMkLst>
            <pc:docMk/>
            <pc:sldMk cId="378097823" sldId="1121"/>
            <ac:spMk id="6" creationId="{5A50278F-C501-4A49-ADCE-6C888A033516}"/>
          </ac:spMkLst>
        </pc:spChg>
        <pc:spChg chg="add mod">
          <ac:chgData name="Gail Cross" userId="9e0fbb2e9583deed" providerId="LiveId" clId="{A07FF165-3693-497D-A997-D009FB519B94}" dt="2021-04-26T08:36:12.894" v="63895" actId="255"/>
          <ac:spMkLst>
            <pc:docMk/>
            <pc:sldMk cId="378097823" sldId="1121"/>
            <ac:spMk id="18" creationId="{5DBEFE60-840F-491C-BA96-CC45822844B3}"/>
          </ac:spMkLst>
        </pc:spChg>
        <pc:spChg chg="add mod">
          <ac:chgData name="Gail Cross" userId="9e0fbb2e9583deed" providerId="LiveId" clId="{A07FF165-3693-497D-A997-D009FB519B94}" dt="2021-04-26T08:36:18.045" v="63896" actId="255"/>
          <ac:spMkLst>
            <pc:docMk/>
            <pc:sldMk cId="378097823" sldId="1121"/>
            <ac:spMk id="19" creationId="{4A9BF58C-EDEE-4910-9D93-96C6E545752A}"/>
          </ac:spMkLst>
        </pc:spChg>
        <pc:spChg chg="add mod">
          <ac:chgData name="Gail Cross" userId="9e0fbb2e9583deed" providerId="LiveId" clId="{A07FF165-3693-497D-A997-D009FB519B94}" dt="2021-04-26T08:36:24.988" v="63897" actId="255"/>
          <ac:spMkLst>
            <pc:docMk/>
            <pc:sldMk cId="378097823" sldId="1121"/>
            <ac:spMk id="20" creationId="{0344731D-57F7-4527-86CF-223802F36CC8}"/>
          </ac:spMkLst>
        </pc:spChg>
        <pc:spChg chg="add mod">
          <ac:chgData name="Gail Cross" userId="9e0fbb2e9583deed" providerId="LiveId" clId="{A07FF165-3693-497D-A997-D009FB519B94}" dt="2021-04-26T08:40:19.812" v="64011" actId="1038"/>
          <ac:spMkLst>
            <pc:docMk/>
            <pc:sldMk cId="378097823" sldId="1121"/>
            <ac:spMk id="21" creationId="{8929673E-1C76-4F1A-AFCC-7794197CAB32}"/>
          </ac:spMkLst>
        </pc:spChg>
        <pc:spChg chg="add mod">
          <ac:chgData name="Gail Cross" userId="9e0fbb2e9583deed" providerId="LiveId" clId="{A07FF165-3693-497D-A997-D009FB519B94}" dt="2021-04-26T08:39:12.701" v="63968" actId="1035"/>
          <ac:spMkLst>
            <pc:docMk/>
            <pc:sldMk cId="378097823" sldId="1121"/>
            <ac:spMk id="32" creationId="{62EB528E-BA0A-41F4-B31B-BE0AEB23B5AA}"/>
          </ac:spMkLst>
        </pc:spChg>
        <pc:spChg chg="add mod">
          <ac:chgData name="Gail Cross" userId="9e0fbb2e9583deed" providerId="LiveId" clId="{A07FF165-3693-497D-A997-D009FB519B94}" dt="2021-04-26T08:39:19.489" v="63993" actId="1035"/>
          <ac:spMkLst>
            <pc:docMk/>
            <pc:sldMk cId="378097823" sldId="1121"/>
            <ac:spMk id="33" creationId="{DA70E4A5-86A7-4866-95C9-09F6497C1B38}"/>
          </ac:spMkLst>
        </pc:spChg>
        <pc:spChg chg="add mod">
          <ac:chgData name="Gail Cross" userId="9e0fbb2e9583deed" providerId="LiveId" clId="{A07FF165-3693-497D-A997-D009FB519B94}" dt="2021-04-26T06:27:10.119" v="63859" actId="20577"/>
          <ac:spMkLst>
            <pc:docMk/>
            <pc:sldMk cId="378097823" sldId="1121"/>
            <ac:spMk id="34" creationId="{27915485-B600-48C1-A800-B2F60F3F0926}"/>
          </ac:spMkLst>
        </pc:spChg>
        <pc:spChg chg="add mod">
          <ac:chgData name="Gail Cross" userId="9e0fbb2e9583deed" providerId="LiveId" clId="{A07FF165-3693-497D-A997-D009FB519B94}" dt="2021-04-26T06:27:18.953" v="63861" actId="1076"/>
          <ac:spMkLst>
            <pc:docMk/>
            <pc:sldMk cId="378097823" sldId="1121"/>
            <ac:spMk id="35" creationId="{536A27A3-1786-4011-A65D-C4BEC726BD68}"/>
          </ac:spMkLst>
        </pc:spChg>
        <pc:cxnChg chg="add mod">
          <ac:chgData name="Gail Cross" userId="9e0fbb2e9583deed" providerId="LiveId" clId="{A07FF165-3693-497D-A997-D009FB519B94}" dt="2021-04-26T08:37:15.394" v="63914" actId="1036"/>
          <ac:cxnSpMkLst>
            <pc:docMk/>
            <pc:sldMk cId="378097823" sldId="1121"/>
            <ac:cxnSpMk id="8" creationId="{993A2240-0F82-4E04-9475-C44B0892B076}"/>
          </ac:cxnSpMkLst>
        </pc:cxnChg>
        <pc:cxnChg chg="add del mod">
          <ac:chgData name="Gail Cross" userId="9e0fbb2e9583deed" providerId="LiveId" clId="{A07FF165-3693-497D-A997-D009FB519B94}" dt="2021-04-26T06:09:36.683" v="63269" actId="478"/>
          <ac:cxnSpMkLst>
            <pc:docMk/>
            <pc:sldMk cId="378097823" sldId="1121"/>
            <ac:cxnSpMk id="10" creationId="{F94CCBFD-39B6-4864-81CE-61F6AFACED97}"/>
          </ac:cxnSpMkLst>
        </pc:cxnChg>
        <pc:cxnChg chg="add del mod">
          <ac:chgData name="Gail Cross" userId="9e0fbb2e9583deed" providerId="LiveId" clId="{A07FF165-3693-497D-A997-D009FB519B94}" dt="2021-04-26T08:37:18.592" v="63915" actId="478"/>
          <ac:cxnSpMkLst>
            <pc:docMk/>
            <pc:sldMk cId="378097823" sldId="1121"/>
            <ac:cxnSpMk id="13" creationId="{7A5B4BA0-F3C5-469D-9034-1664B2935598}"/>
          </ac:cxnSpMkLst>
        </pc:cxnChg>
        <pc:cxnChg chg="add del mod">
          <ac:chgData name="Gail Cross" userId="9e0fbb2e9583deed" providerId="LiveId" clId="{A07FF165-3693-497D-A997-D009FB519B94}" dt="2021-04-26T08:35:18.024" v="63889" actId="478"/>
          <ac:cxnSpMkLst>
            <pc:docMk/>
            <pc:sldMk cId="378097823" sldId="1121"/>
            <ac:cxnSpMk id="15" creationId="{DDA68467-C668-4D9D-966B-1D4FDF203C88}"/>
          </ac:cxnSpMkLst>
        </pc:cxnChg>
        <pc:cxnChg chg="add del mod">
          <ac:chgData name="Gail Cross" userId="9e0fbb2e9583deed" providerId="LiveId" clId="{A07FF165-3693-497D-A997-D009FB519B94}" dt="2021-04-26T08:35:15.208" v="63888" actId="478"/>
          <ac:cxnSpMkLst>
            <pc:docMk/>
            <pc:sldMk cId="378097823" sldId="1121"/>
            <ac:cxnSpMk id="17" creationId="{FE211541-C081-4C60-A76E-C7023E2CAF41}"/>
          </ac:cxnSpMkLst>
        </pc:cxnChg>
        <pc:cxnChg chg="add mod">
          <ac:chgData name="Gail Cross" userId="9e0fbb2e9583deed" providerId="LiveId" clId="{A07FF165-3693-497D-A997-D009FB519B94}" dt="2021-04-26T08:38:25.515" v="63929" actId="20577"/>
          <ac:cxnSpMkLst>
            <pc:docMk/>
            <pc:sldMk cId="378097823" sldId="1121"/>
            <ac:cxnSpMk id="25" creationId="{8B7589D3-902B-474B-ABB0-9C3F07798AF4}"/>
          </ac:cxnSpMkLst>
        </pc:cxnChg>
        <pc:cxnChg chg="add mod">
          <ac:chgData name="Gail Cross" userId="9e0fbb2e9583deed" providerId="LiveId" clId="{A07FF165-3693-497D-A997-D009FB519B94}" dt="2021-04-26T08:40:12.846" v="64009" actId="1036"/>
          <ac:cxnSpMkLst>
            <pc:docMk/>
            <pc:sldMk cId="378097823" sldId="1121"/>
            <ac:cxnSpMk id="27" creationId="{EE550028-A65C-4414-91D1-3A349C5229CD}"/>
          </ac:cxnSpMkLst>
        </pc:cxnChg>
        <pc:cxnChg chg="add mod">
          <ac:chgData name="Gail Cross" userId="9e0fbb2e9583deed" providerId="LiveId" clId="{A07FF165-3693-497D-A997-D009FB519B94}" dt="2021-04-26T08:38:51.743" v="63937" actId="692"/>
          <ac:cxnSpMkLst>
            <pc:docMk/>
            <pc:sldMk cId="378097823" sldId="1121"/>
            <ac:cxnSpMk id="29" creationId="{AF68D589-8C8A-49FC-8D01-E393036166FF}"/>
          </ac:cxnSpMkLst>
        </pc:cxnChg>
        <pc:cxnChg chg="add mod">
          <ac:chgData name="Gail Cross" userId="9e0fbb2e9583deed" providerId="LiveId" clId="{A07FF165-3693-497D-A997-D009FB519B94}" dt="2021-04-26T08:40:19.812" v="64011" actId="1038"/>
          <ac:cxnSpMkLst>
            <pc:docMk/>
            <pc:sldMk cId="378097823" sldId="1121"/>
            <ac:cxnSpMk id="31" creationId="{61266152-67D6-46FC-8784-C11ED06FEAD5}"/>
          </ac:cxnSpMkLst>
        </pc:cxnChg>
        <pc:cxnChg chg="add mod">
          <ac:chgData name="Gail Cross" userId="9e0fbb2e9583deed" providerId="LiveId" clId="{A07FF165-3693-497D-A997-D009FB519B94}" dt="2021-04-26T08:39:12.701" v="63968" actId="1035"/>
          <ac:cxnSpMkLst>
            <pc:docMk/>
            <pc:sldMk cId="378097823" sldId="1121"/>
            <ac:cxnSpMk id="37" creationId="{544675E7-F44E-40D5-BADB-A485AFAD0687}"/>
          </ac:cxnSpMkLst>
        </pc:cxnChg>
        <pc:cxnChg chg="add mod">
          <ac:chgData name="Gail Cross" userId="9e0fbb2e9583deed" providerId="LiveId" clId="{A07FF165-3693-497D-A997-D009FB519B94}" dt="2021-04-26T08:39:19.489" v="63993" actId="1035"/>
          <ac:cxnSpMkLst>
            <pc:docMk/>
            <pc:sldMk cId="378097823" sldId="1121"/>
            <ac:cxnSpMk id="39" creationId="{90B76EE4-C1BF-4D64-A63C-5713C26D2470}"/>
          </ac:cxnSpMkLst>
        </pc:cxnChg>
        <pc:cxnChg chg="add mod">
          <ac:chgData name="Gail Cross" userId="9e0fbb2e9583deed" providerId="LiveId" clId="{A07FF165-3693-497D-A997-D009FB519B94}" dt="2021-04-26T08:38:55.314" v="63938" actId="692"/>
          <ac:cxnSpMkLst>
            <pc:docMk/>
            <pc:sldMk cId="378097823" sldId="1121"/>
            <ac:cxnSpMk id="42" creationId="{B88CC00A-524B-4718-9C66-7BD76F4751F8}"/>
          </ac:cxnSpMkLst>
        </pc:cxnChg>
        <pc:cxnChg chg="add mod">
          <ac:chgData name="Gail Cross" userId="9e0fbb2e9583deed" providerId="LiveId" clId="{A07FF165-3693-497D-A997-D009FB519B94}" dt="2021-04-26T08:39:01.986" v="63940" actId="692"/>
          <ac:cxnSpMkLst>
            <pc:docMk/>
            <pc:sldMk cId="378097823" sldId="1121"/>
            <ac:cxnSpMk id="45" creationId="{625611C0-7601-487A-8568-66DC831A89B5}"/>
          </ac:cxnSpMkLst>
        </pc:cxnChg>
        <pc:cxnChg chg="add mod">
          <ac:chgData name="Gail Cross" userId="9e0fbb2e9583deed" providerId="LiveId" clId="{A07FF165-3693-497D-A997-D009FB519B94}" dt="2021-04-26T08:39:29.604" v="64000" actId="1037"/>
          <ac:cxnSpMkLst>
            <pc:docMk/>
            <pc:sldMk cId="378097823" sldId="1121"/>
            <ac:cxnSpMk id="51" creationId="{1F67F18F-9526-4FD7-AE0E-F29F90E3FD09}"/>
          </ac:cxnSpMkLst>
        </pc:cxnChg>
        <pc:cxnChg chg="add mod">
          <ac:chgData name="Gail Cross" userId="9e0fbb2e9583deed" providerId="LiveId" clId="{A07FF165-3693-497D-A997-D009FB519B94}" dt="2021-04-26T08:40:14.351" v="64010" actId="1036"/>
          <ac:cxnSpMkLst>
            <pc:docMk/>
            <pc:sldMk cId="378097823" sldId="1121"/>
            <ac:cxnSpMk id="53" creationId="{DA88CEFD-C8DF-402B-8F63-AF308607CB51}"/>
          </ac:cxnSpMkLst>
        </pc:cxnChg>
        <pc:cxnChg chg="add del mod">
          <ac:chgData name="Gail Cross" userId="9e0fbb2e9583deed" providerId="LiveId" clId="{A07FF165-3693-497D-A997-D009FB519B94}" dt="2021-04-26T08:37:50.992" v="63922" actId="478"/>
          <ac:cxnSpMkLst>
            <pc:docMk/>
            <pc:sldMk cId="378097823" sldId="1121"/>
            <ac:cxnSpMk id="55" creationId="{438F13E5-1AE9-4E6E-B954-87302A30D26C}"/>
          </ac:cxnSpMkLst>
        </pc:cxnChg>
        <pc:cxnChg chg="add mod">
          <ac:chgData name="Gail Cross" userId="9e0fbb2e9583deed" providerId="LiveId" clId="{A07FF165-3693-497D-A997-D009FB519B94}" dt="2021-04-26T08:40:12.846" v="64009" actId="1036"/>
          <ac:cxnSpMkLst>
            <pc:docMk/>
            <pc:sldMk cId="378097823" sldId="1121"/>
            <ac:cxnSpMk id="57" creationId="{B1016F65-AFAA-4052-B860-8CCCDFF46B2B}"/>
          </ac:cxnSpMkLst>
        </pc:cxnChg>
      </pc:sldChg>
      <pc:sldMasterChg chg="new del mod addSldLayout delSldLayout">
        <pc:chgData name="Gail Cross" userId="9e0fbb2e9583deed" providerId="LiveId" clId="{A07FF165-3693-497D-A997-D009FB519B94}" dt="2021-04-13T09:20:23.869" v="24958" actId="6938"/>
        <pc:sldMasterMkLst>
          <pc:docMk/>
          <pc:sldMasterMk cId="529690886" sldId="2147483672"/>
        </pc:sldMasterMkLst>
        <pc:sldLayoutChg chg="new del replId">
          <pc:chgData name="Gail Cross" userId="9e0fbb2e9583deed" providerId="LiveId" clId="{A07FF165-3693-497D-A997-D009FB519B94}" dt="2021-04-13T09:20:23.869" v="24958" actId="6938"/>
          <pc:sldLayoutMkLst>
            <pc:docMk/>
            <pc:sldMasterMk cId="529690886" sldId="2147483672"/>
            <pc:sldLayoutMk cId="4270713721" sldId="2147483673"/>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583613074" sldId="2147483674"/>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1493322188" sldId="2147483675"/>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1599066509" sldId="2147483676"/>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3179689026" sldId="2147483677"/>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2023708299" sldId="2147483678"/>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2358979625" sldId="2147483679"/>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1308546663" sldId="2147483680"/>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4117943123" sldId="2147483681"/>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2077675764" sldId="2147483682"/>
          </pc:sldLayoutMkLst>
        </pc:sldLayoutChg>
        <pc:sldLayoutChg chg="new del replId">
          <pc:chgData name="Gail Cross" userId="9e0fbb2e9583deed" providerId="LiveId" clId="{A07FF165-3693-497D-A997-D009FB519B94}" dt="2021-04-13T09:20:23.869" v="24958" actId="6938"/>
          <pc:sldLayoutMkLst>
            <pc:docMk/>
            <pc:sldMasterMk cId="529690886" sldId="2147483672"/>
            <pc:sldLayoutMk cId="972133535" sldId="2147483683"/>
          </pc:sldLayoutMkLst>
        </pc:sldLayoutChg>
      </pc:sldMasterChg>
    </pc:docChg>
  </pc:docChgLst>
  <pc:docChgLst>
    <pc:chgData name="Gail Cross" userId="9e0fbb2e9583deed" providerId="LiveId" clId="{CC406501-ADDC-4BA3-B14A-9582A13602A7}"/>
    <pc:docChg chg="delSld">
      <pc:chgData name="Gail Cross" userId="9e0fbb2e9583deed" providerId="LiveId" clId="{CC406501-ADDC-4BA3-B14A-9582A13602A7}" dt="2021-10-20T14:01:20.738" v="0" actId="2696"/>
      <pc:docMkLst>
        <pc:docMk/>
      </pc:docMkLst>
      <pc:sldChg chg="del">
        <pc:chgData name="Gail Cross" userId="9e0fbb2e9583deed" providerId="LiveId" clId="{CC406501-ADDC-4BA3-B14A-9582A13602A7}" dt="2021-10-20T14:01:20.738" v="0" actId="2696"/>
        <pc:sldMkLst>
          <pc:docMk/>
          <pc:sldMk cId="435466157" sldId="264"/>
        </pc:sldMkLst>
      </pc:sldChg>
      <pc:sldChg chg="del">
        <pc:chgData name="Gail Cross" userId="9e0fbb2e9583deed" providerId="LiveId" clId="{CC406501-ADDC-4BA3-B14A-9582A13602A7}" dt="2021-10-20T14:01:20.738" v="0" actId="2696"/>
        <pc:sldMkLst>
          <pc:docMk/>
          <pc:sldMk cId="829382881" sldId="268"/>
        </pc:sldMkLst>
      </pc:sldChg>
      <pc:sldChg chg="del">
        <pc:chgData name="Gail Cross" userId="9e0fbb2e9583deed" providerId="LiveId" clId="{CC406501-ADDC-4BA3-B14A-9582A13602A7}" dt="2021-10-20T14:01:20.738" v="0" actId="2696"/>
        <pc:sldMkLst>
          <pc:docMk/>
          <pc:sldMk cId="835329318" sldId="279"/>
        </pc:sldMkLst>
      </pc:sldChg>
      <pc:sldChg chg="del">
        <pc:chgData name="Gail Cross" userId="9e0fbb2e9583deed" providerId="LiveId" clId="{CC406501-ADDC-4BA3-B14A-9582A13602A7}" dt="2021-10-20T14:01:20.738" v="0" actId="2696"/>
        <pc:sldMkLst>
          <pc:docMk/>
          <pc:sldMk cId="1971160556" sldId="281"/>
        </pc:sldMkLst>
      </pc:sldChg>
      <pc:sldChg chg="del">
        <pc:chgData name="Gail Cross" userId="9e0fbb2e9583deed" providerId="LiveId" clId="{CC406501-ADDC-4BA3-B14A-9582A13602A7}" dt="2021-10-20T14:01:20.738" v="0" actId="2696"/>
        <pc:sldMkLst>
          <pc:docMk/>
          <pc:sldMk cId="1704382260" sldId="282"/>
        </pc:sldMkLst>
      </pc:sldChg>
      <pc:sldChg chg="del">
        <pc:chgData name="Gail Cross" userId="9e0fbb2e9583deed" providerId="LiveId" clId="{CC406501-ADDC-4BA3-B14A-9582A13602A7}" dt="2021-10-20T14:01:20.738" v="0" actId="2696"/>
        <pc:sldMkLst>
          <pc:docMk/>
          <pc:sldMk cId="109159160" sldId="284"/>
        </pc:sldMkLst>
      </pc:sldChg>
      <pc:sldChg chg="del">
        <pc:chgData name="Gail Cross" userId="9e0fbb2e9583deed" providerId="LiveId" clId="{CC406501-ADDC-4BA3-B14A-9582A13602A7}" dt="2021-10-20T14:01:20.738" v="0" actId="2696"/>
        <pc:sldMkLst>
          <pc:docMk/>
          <pc:sldMk cId="172733697" sldId="285"/>
        </pc:sldMkLst>
      </pc:sldChg>
      <pc:sldChg chg="del">
        <pc:chgData name="Gail Cross" userId="9e0fbb2e9583deed" providerId="LiveId" clId="{CC406501-ADDC-4BA3-B14A-9582A13602A7}" dt="2021-10-20T14:01:20.738" v="0" actId="2696"/>
        <pc:sldMkLst>
          <pc:docMk/>
          <pc:sldMk cId="592959133" sldId="286"/>
        </pc:sldMkLst>
      </pc:sldChg>
      <pc:sldChg chg="del">
        <pc:chgData name="Gail Cross" userId="9e0fbb2e9583deed" providerId="LiveId" clId="{CC406501-ADDC-4BA3-B14A-9582A13602A7}" dt="2021-10-20T14:01:20.738" v="0" actId="2696"/>
        <pc:sldMkLst>
          <pc:docMk/>
          <pc:sldMk cId="1379146766" sldId="288"/>
        </pc:sldMkLst>
      </pc:sldChg>
      <pc:sldChg chg="del">
        <pc:chgData name="Gail Cross" userId="9e0fbb2e9583deed" providerId="LiveId" clId="{CC406501-ADDC-4BA3-B14A-9582A13602A7}" dt="2021-10-20T14:01:20.738" v="0" actId="2696"/>
        <pc:sldMkLst>
          <pc:docMk/>
          <pc:sldMk cId="1972838515" sldId="291"/>
        </pc:sldMkLst>
      </pc:sldChg>
      <pc:sldChg chg="del">
        <pc:chgData name="Gail Cross" userId="9e0fbb2e9583deed" providerId="LiveId" clId="{CC406501-ADDC-4BA3-B14A-9582A13602A7}" dt="2021-10-20T14:01:20.738" v="0" actId="2696"/>
        <pc:sldMkLst>
          <pc:docMk/>
          <pc:sldMk cId="194945079" sldId="298"/>
        </pc:sldMkLst>
      </pc:sldChg>
      <pc:sldChg chg="del">
        <pc:chgData name="Gail Cross" userId="9e0fbb2e9583deed" providerId="LiveId" clId="{CC406501-ADDC-4BA3-B14A-9582A13602A7}" dt="2021-10-20T14:01:20.738" v="0" actId="2696"/>
        <pc:sldMkLst>
          <pc:docMk/>
          <pc:sldMk cId="2029146769" sldId="1099"/>
        </pc:sldMkLst>
      </pc:sldChg>
      <pc:sldChg chg="del">
        <pc:chgData name="Gail Cross" userId="9e0fbb2e9583deed" providerId="LiveId" clId="{CC406501-ADDC-4BA3-B14A-9582A13602A7}" dt="2021-10-20T14:01:20.738" v="0" actId="2696"/>
        <pc:sldMkLst>
          <pc:docMk/>
          <pc:sldMk cId="4224986732" sldId="1101"/>
        </pc:sldMkLst>
      </pc:sldChg>
    </pc:docChg>
  </pc:docChgLst>
</pc:chgInfo>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r>
              <a:rPr lang="en-SG" dirty="0"/>
              <a:t>Recruitment</a:t>
            </a:r>
          </a:p>
        </c:rich>
      </c:tx>
      <c:layout>
        <c:manualLayout>
          <c:xMode val="edge"/>
          <c:yMode val="edge"/>
          <c:x val="0.43255124310862969"/>
          <c:y val="2.8397110115870195E-2"/>
        </c:manualLayout>
      </c:layout>
      <c:overlay val="0"/>
      <c:spPr>
        <a:noFill/>
        <a:ln>
          <a:noFill/>
        </a:ln>
        <a:effectLst/>
      </c:spPr>
      <c:txPr>
        <a:bodyPr rot="0" spcFirstLastPara="1" vertOverflow="ellipsis" vert="horz" wrap="square" anchor="ctr" anchorCtr="1"/>
        <a:lstStyle/>
        <a:p>
          <a:pPr>
            <a:defRPr sz="1862"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lineChart>
        <c:grouping val="standard"/>
        <c:varyColors val="0"/>
        <c:ser>
          <c:idx val="0"/>
          <c:order val="0"/>
          <c:tx>
            <c:strRef>
              <c:f>Sheet1!$B$1</c:f>
              <c:strCache>
                <c:ptCount val="1"/>
                <c:pt idx="0">
                  <c:v>Total</c:v>
                </c:pt>
              </c:strCache>
            </c:strRef>
          </c:tx>
          <c:spPr>
            <a:ln w="28575" cap="rnd">
              <a:solidFill>
                <a:schemeClr val="accent1"/>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22</c:f>
              <c:strCache>
                <c:ptCount val="20"/>
                <c:pt idx="0">
                  <c:v>8th Sept</c:v>
                </c:pt>
                <c:pt idx="1">
                  <c:v>15th Sept</c:v>
                </c:pt>
                <c:pt idx="2">
                  <c:v>22nd Sept</c:v>
                </c:pt>
                <c:pt idx="3">
                  <c:v>29th Sept</c:v>
                </c:pt>
                <c:pt idx="4">
                  <c:v>6th Oct</c:v>
                </c:pt>
                <c:pt idx="5">
                  <c:v>13th Oct</c:v>
                </c:pt>
                <c:pt idx="6">
                  <c:v>20th Oct</c:v>
                </c:pt>
                <c:pt idx="7">
                  <c:v>27th Oct</c:v>
                </c:pt>
                <c:pt idx="8">
                  <c:v>3rd Nov</c:v>
                </c:pt>
                <c:pt idx="9">
                  <c:v>10th Nov</c:v>
                </c:pt>
                <c:pt idx="10">
                  <c:v>17th Nov</c:v>
                </c:pt>
                <c:pt idx="11">
                  <c:v>24th Nov</c:v>
                </c:pt>
                <c:pt idx="12">
                  <c:v>1st Dec</c:v>
                </c:pt>
                <c:pt idx="13">
                  <c:v>8th Dec</c:v>
                </c:pt>
                <c:pt idx="14">
                  <c:v>15th Dec</c:v>
                </c:pt>
                <c:pt idx="15">
                  <c:v>22nd Dec</c:v>
                </c:pt>
                <c:pt idx="16">
                  <c:v>29th Dec</c:v>
                </c:pt>
                <c:pt idx="17">
                  <c:v>5th Jan</c:v>
                </c:pt>
                <c:pt idx="18">
                  <c:v>12th Jan</c:v>
                </c:pt>
                <c:pt idx="19">
                  <c:v>19th Jan</c:v>
                </c:pt>
              </c:strCache>
            </c:strRef>
          </c:cat>
          <c:val>
            <c:numRef>
              <c:f>Sheet1!$B$2:$B$22</c:f>
              <c:numCache>
                <c:formatCode>General</c:formatCode>
                <c:ptCount val="21"/>
                <c:pt idx="0">
                  <c:v>0</c:v>
                </c:pt>
                <c:pt idx="1">
                  <c:v>2</c:v>
                </c:pt>
                <c:pt idx="2">
                  <c:v>3</c:v>
                </c:pt>
                <c:pt idx="3">
                  <c:v>7</c:v>
                </c:pt>
                <c:pt idx="4">
                  <c:v>8</c:v>
                </c:pt>
                <c:pt idx="5">
                  <c:v>11</c:v>
                </c:pt>
                <c:pt idx="6">
                  <c:v>13</c:v>
                </c:pt>
                <c:pt idx="7">
                  <c:v>24</c:v>
                </c:pt>
                <c:pt idx="8">
                  <c:v>37</c:v>
                </c:pt>
                <c:pt idx="9">
                  <c:v>45</c:v>
                </c:pt>
                <c:pt idx="10">
                  <c:v>55</c:v>
                </c:pt>
                <c:pt idx="11">
                  <c:v>64</c:v>
                </c:pt>
                <c:pt idx="12">
                  <c:v>81</c:v>
                </c:pt>
                <c:pt idx="13">
                  <c:v>95</c:v>
                </c:pt>
                <c:pt idx="14">
                  <c:v>111</c:v>
                </c:pt>
                <c:pt idx="15">
                  <c:v>123</c:v>
                </c:pt>
                <c:pt idx="16">
                  <c:v>126</c:v>
                </c:pt>
                <c:pt idx="17">
                  <c:v>131</c:v>
                </c:pt>
                <c:pt idx="18">
                  <c:v>134</c:v>
                </c:pt>
                <c:pt idx="19">
                  <c:v>137</c:v>
                </c:pt>
              </c:numCache>
            </c:numRef>
          </c:val>
          <c:smooth val="0"/>
          <c:extLst>
            <c:ext xmlns:c16="http://schemas.microsoft.com/office/drawing/2014/chart" uri="{C3380CC4-5D6E-409C-BE32-E72D297353CC}">
              <c16:uniqueId val="{00000000-0F29-4474-B0F0-C4983881DD12}"/>
            </c:ext>
          </c:extLst>
        </c:ser>
        <c:ser>
          <c:idx val="1"/>
          <c:order val="1"/>
          <c:tx>
            <c:strRef>
              <c:f>Sheet1!$C$1</c:f>
              <c:strCache>
                <c:ptCount val="1"/>
                <c:pt idx="0">
                  <c:v>Uganda</c:v>
                </c:pt>
              </c:strCache>
            </c:strRef>
          </c:tx>
          <c:spPr>
            <a:ln w="28575" cap="rnd">
              <a:solidFill>
                <a:schemeClr val="accent2"/>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22</c:f>
              <c:strCache>
                <c:ptCount val="20"/>
                <c:pt idx="0">
                  <c:v>8th Sept</c:v>
                </c:pt>
                <c:pt idx="1">
                  <c:v>15th Sept</c:v>
                </c:pt>
                <c:pt idx="2">
                  <c:v>22nd Sept</c:v>
                </c:pt>
                <c:pt idx="3">
                  <c:v>29th Sept</c:v>
                </c:pt>
                <c:pt idx="4">
                  <c:v>6th Oct</c:v>
                </c:pt>
                <c:pt idx="5">
                  <c:v>13th Oct</c:v>
                </c:pt>
                <c:pt idx="6">
                  <c:v>20th Oct</c:v>
                </c:pt>
                <c:pt idx="7">
                  <c:v>27th Oct</c:v>
                </c:pt>
                <c:pt idx="8">
                  <c:v>3rd Nov</c:v>
                </c:pt>
                <c:pt idx="9">
                  <c:v>10th Nov</c:v>
                </c:pt>
                <c:pt idx="10">
                  <c:v>17th Nov</c:v>
                </c:pt>
                <c:pt idx="11">
                  <c:v>24th Nov</c:v>
                </c:pt>
                <c:pt idx="12">
                  <c:v>1st Dec</c:v>
                </c:pt>
                <c:pt idx="13">
                  <c:v>8th Dec</c:v>
                </c:pt>
                <c:pt idx="14">
                  <c:v>15th Dec</c:v>
                </c:pt>
                <c:pt idx="15">
                  <c:v>22nd Dec</c:v>
                </c:pt>
                <c:pt idx="16">
                  <c:v>29th Dec</c:v>
                </c:pt>
                <c:pt idx="17">
                  <c:v>5th Jan</c:v>
                </c:pt>
                <c:pt idx="18">
                  <c:v>12th Jan</c:v>
                </c:pt>
                <c:pt idx="19">
                  <c:v>19th Jan</c:v>
                </c:pt>
              </c:strCache>
            </c:strRef>
          </c:cat>
          <c:val>
            <c:numRef>
              <c:f>Sheet1!$C$3:$C$21</c:f>
              <c:numCache>
                <c:formatCode>General</c:formatCode>
                <c:ptCount val="19"/>
                <c:pt idx="0">
                  <c:v>2</c:v>
                </c:pt>
                <c:pt idx="1">
                  <c:v>3</c:v>
                </c:pt>
                <c:pt idx="2">
                  <c:v>7</c:v>
                </c:pt>
                <c:pt idx="3">
                  <c:v>8</c:v>
                </c:pt>
                <c:pt idx="4">
                  <c:v>11</c:v>
                </c:pt>
                <c:pt idx="5">
                  <c:v>13</c:v>
                </c:pt>
                <c:pt idx="6">
                  <c:v>18</c:v>
                </c:pt>
                <c:pt idx="7">
                  <c:v>29</c:v>
                </c:pt>
                <c:pt idx="8">
                  <c:v>35</c:v>
                </c:pt>
                <c:pt idx="9">
                  <c:v>41</c:v>
                </c:pt>
                <c:pt idx="10">
                  <c:v>46</c:v>
                </c:pt>
                <c:pt idx="11">
                  <c:v>52</c:v>
                </c:pt>
                <c:pt idx="12">
                  <c:v>58</c:v>
                </c:pt>
                <c:pt idx="13">
                  <c:v>70</c:v>
                </c:pt>
                <c:pt idx="14">
                  <c:v>79</c:v>
                </c:pt>
                <c:pt idx="15">
                  <c:v>81</c:v>
                </c:pt>
              </c:numCache>
            </c:numRef>
          </c:val>
          <c:smooth val="0"/>
          <c:extLst>
            <c:ext xmlns:c16="http://schemas.microsoft.com/office/drawing/2014/chart" uri="{C3380CC4-5D6E-409C-BE32-E72D297353CC}">
              <c16:uniqueId val="{00000001-0F29-4474-B0F0-C4983881DD12}"/>
            </c:ext>
          </c:extLst>
        </c:ser>
        <c:ser>
          <c:idx val="2"/>
          <c:order val="2"/>
          <c:tx>
            <c:strRef>
              <c:f>Sheet1!$D$1</c:f>
              <c:strCache>
                <c:ptCount val="1"/>
                <c:pt idx="0">
                  <c:v>Vietnam</c:v>
                </c:pt>
              </c:strCache>
            </c:strRef>
          </c:tx>
          <c:spPr>
            <a:ln w="28575" cap="rnd">
              <a:solidFill>
                <a:schemeClr val="accent3"/>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22</c:f>
              <c:strCache>
                <c:ptCount val="20"/>
                <c:pt idx="0">
                  <c:v>8th Sept</c:v>
                </c:pt>
                <c:pt idx="1">
                  <c:v>15th Sept</c:v>
                </c:pt>
                <c:pt idx="2">
                  <c:v>22nd Sept</c:v>
                </c:pt>
                <c:pt idx="3">
                  <c:v>29th Sept</c:v>
                </c:pt>
                <c:pt idx="4">
                  <c:v>6th Oct</c:v>
                </c:pt>
                <c:pt idx="5">
                  <c:v>13th Oct</c:v>
                </c:pt>
                <c:pt idx="6">
                  <c:v>20th Oct</c:v>
                </c:pt>
                <c:pt idx="7">
                  <c:v>27th Oct</c:v>
                </c:pt>
                <c:pt idx="8">
                  <c:v>3rd Nov</c:v>
                </c:pt>
                <c:pt idx="9">
                  <c:v>10th Nov</c:v>
                </c:pt>
                <c:pt idx="10">
                  <c:v>17th Nov</c:v>
                </c:pt>
                <c:pt idx="11">
                  <c:v>24th Nov</c:v>
                </c:pt>
                <c:pt idx="12">
                  <c:v>1st Dec</c:v>
                </c:pt>
                <c:pt idx="13">
                  <c:v>8th Dec</c:v>
                </c:pt>
                <c:pt idx="14">
                  <c:v>15th Dec</c:v>
                </c:pt>
                <c:pt idx="15">
                  <c:v>22nd Dec</c:v>
                </c:pt>
                <c:pt idx="16">
                  <c:v>29th Dec</c:v>
                </c:pt>
                <c:pt idx="17">
                  <c:v>5th Jan</c:v>
                </c:pt>
                <c:pt idx="18">
                  <c:v>12th Jan</c:v>
                </c:pt>
                <c:pt idx="19">
                  <c:v>19th Jan</c:v>
                </c:pt>
              </c:strCache>
            </c:strRef>
          </c:cat>
          <c:val>
            <c:numRef>
              <c:f>Sheet1!$D$2:$D$22</c:f>
              <c:numCache>
                <c:formatCode>General</c:formatCode>
                <c:ptCount val="21"/>
                <c:pt idx="0">
                  <c:v>0</c:v>
                </c:pt>
                <c:pt idx="1">
                  <c:v>0</c:v>
                </c:pt>
                <c:pt idx="2">
                  <c:v>0</c:v>
                </c:pt>
                <c:pt idx="3">
                  <c:v>0</c:v>
                </c:pt>
                <c:pt idx="4">
                  <c:v>0</c:v>
                </c:pt>
                <c:pt idx="5">
                  <c:v>0</c:v>
                </c:pt>
                <c:pt idx="6">
                  <c:v>0</c:v>
                </c:pt>
                <c:pt idx="7">
                  <c:v>6</c:v>
                </c:pt>
                <c:pt idx="8">
                  <c:v>8</c:v>
                </c:pt>
                <c:pt idx="9">
                  <c:v>10</c:v>
                </c:pt>
                <c:pt idx="10">
                  <c:v>14</c:v>
                </c:pt>
                <c:pt idx="11">
                  <c:v>15</c:v>
                </c:pt>
                <c:pt idx="12">
                  <c:v>21</c:v>
                </c:pt>
                <c:pt idx="13">
                  <c:v>25</c:v>
                </c:pt>
                <c:pt idx="14">
                  <c:v>27</c:v>
                </c:pt>
                <c:pt idx="15">
                  <c:v>28</c:v>
                </c:pt>
                <c:pt idx="16">
                  <c:v>29</c:v>
                </c:pt>
                <c:pt idx="17">
                  <c:v>32</c:v>
                </c:pt>
                <c:pt idx="18">
                  <c:v>34</c:v>
                </c:pt>
              </c:numCache>
            </c:numRef>
          </c:val>
          <c:smooth val="0"/>
          <c:extLst>
            <c:ext xmlns:c16="http://schemas.microsoft.com/office/drawing/2014/chart" uri="{C3380CC4-5D6E-409C-BE32-E72D297353CC}">
              <c16:uniqueId val="{00000002-0F29-4474-B0F0-C4983881DD12}"/>
            </c:ext>
          </c:extLst>
        </c:ser>
        <c:ser>
          <c:idx val="3"/>
          <c:order val="3"/>
          <c:tx>
            <c:strRef>
              <c:f>Sheet1!$E$1</c:f>
              <c:strCache>
                <c:ptCount val="1"/>
                <c:pt idx="0">
                  <c:v>Philippines</c:v>
                </c:pt>
              </c:strCache>
            </c:strRef>
          </c:tx>
          <c:spPr>
            <a:ln w="28575" cap="rnd">
              <a:solidFill>
                <a:schemeClr val="accent4"/>
              </a:solidFill>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en-US"/>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22</c:f>
              <c:strCache>
                <c:ptCount val="20"/>
                <c:pt idx="0">
                  <c:v>8th Sept</c:v>
                </c:pt>
                <c:pt idx="1">
                  <c:v>15th Sept</c:v>
                </c:pt>
                <c:pt idx="2">
                  <c:v>22nd Sept</c:v>
                </c:pt>
                <c:pt idx="3">
                  <c:v>29th Sept</c:v>
                </c:pt>
                <c:pt idx="4">
                  <c:v>6th Oct</c:v>
                </c:pt>
                <c:pt idx="5">
                  <c:v>13th Oct</c:v>
                </c:pt>
                <c:pt idx="6">
                  <c:v>20th Oct</c:v>
                </c:pt>
                <c:pt idx="7">
                  <c:v>27th Oct</c:v>
                </c:pt>
                <c:pt idx="8">
                  <c:v>3rd Nov</c:v>
                </c:pt>
                <c:pt idx="9">
                  <c:v>10th Nov</c:v>
                </c:pt>
                <c:pt idx="10">
                  <c:v>17th Nov</c:v>
                </c:pt>
                <c:pt idx="11">
                  <c:v>24th Nov</c:v>
                </c:pt>
                <c:pt idx="12">
                  <c:v>1st Dec</c:v>
                </c:pt>
                <c:pt idx="13">
                  <c:v>8th Dec</c:v>
                </c:pt>
                <c:pt idx="14">
                  <c:v>15th Dec</c:v>
                </c:pt>
                <c:pt idx="15">
                  <c:v>22nd Dec</c:v>
                </c:pt>
                <c:pt idx="16">
                  <c:v>29th Dec</c:v>
                </c:pt>
                <c:pt idx="17">
                  <c:v>5th Jan</c:v>
                </c:pt>
                <c:pt idx="18">
                  <c:v>12th Jan</c:v>
                </c:pt>
                <c:pt idx="19">
                  <c:v>19th Jan</c:v>
                </c:pt>
              </c:strCache>
            </c:strRef>
          </c:cat>
          <c:val>
            <c:numRef>
              <c:f>Sheet1!$E$2:$E$22</c:f>
              <c:numCache>
                <c:formatCode>General</c:formatCode>
                <c:ptCount val="21"/>
                <c:pt idx="0">
                  <c:v>0</c:v>
                </c:pt>
                <c:pt idx="1">
                  <c:v>0</c:v>
                </c:pt>
                <c:pt idx="2">
                  <c:v>0</c:v>
                </c:pt>
                <c:pt idx="3">
                  <c:v>0</c:v>
                </c:pt>
                <c:pt idx="4">
                  <c:v>0</c:v>
                </c:pt>
                <c:pt idx="5">
                  <c:v>0</c:v>
                </c:pt>
                <c:pt idx="6">
                  <c:v>0</c:v>
                </c:pt>
                <c:pt idx="7">
                  <c:v>0</c:v>
                </c:pt>
                <c:pt idx="8">
                  <c:v>0</c:v>
                </c:pt>
                <c:pt idx="9">
                  <c:v>0</c:v>
                </c:pt>
                <c:pt idx="10">
                  <c:v>0</c:v>
                </c:pt>
                <c:pt idx="11">
                  <c:v>3</c:v>
                </c:pt>
                <c:pt idx="12">
                  <c:v>8</c:v>
                </c:pt>
                <c:pt idx="13">
                  <c:v>12</c:v>
                </c:pt>
                <c:pt idx="14">
                  <c:v>14</c:v>
                </c:pt>
                <c:pt idx="15">
                  <c:v>16</c:v>
                </c:pt>
                <c:pt idx="16">
                  <c:v>16</c:v>
                </c:pt>
                <c:pt idx="17">
                  <c:v>18</c:v>
                </c:pt>
                <c:pt idx="18">
                  <c:v>19</c:v>
                </c:pt>
                <c:pt idx="19">
                  <c:v>22</c:v>
                </c:pt>
              </c:numCache>
            </c:numRef>
          </c:val>
          <c:smooth val="0"/>
          <c:extLst>
            <c:ext xmlns:c16="http://schemas.microsoft.com/office/drawing/2014/chart" uri="{C3380CC4-5D6E-409C-BE32-E72D297353CC}">
              <c16:uniqueId val="{00000003-0F29-4474-B0F0-C4983881DD12}"/>
            </c:ext>
          </c:extLst>
        </c:ser>
        <c:dLbls>
          <c:dLblPos val="ctr"/>
          <c:showLegendKey val="0"/>
          <c:showVal val="1"/>
          <c:showCatName val="0"/>
          <c:showSerName val="0"/>
          <c:showPercent val="0"/>
          <c:showBubbleSize val="0"/>
        </c:dLbls>
        <c:smooth val="0"/>
        <c:axId val="1151473440"/>
        <c:axId val="1151474688"/>
      </c:lineChart>
      <c:catAx>
        <c:axId val="115147344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151474688"/>
        <c:crosses val="autoZero"/>
        <c:auto val="1"/>
        <c:lblAlgn val="ctr"/>
        <c:lblOffset val="100"/>
        <c:noMultiLvlLbl val="0"/>
      </c:catAx>
      <c:valAx>
        <c:axId val="115147468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1151473440"/>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2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solidFill>
        <a:schemeClr val="phClr"/>
      </a:solidFill>
    </cs:spPr>
  </cs:dataPoint>
  <cs:dataPoint3D>
    <cs:lnRef idx="0"/>
    <cs:fillRef idx="1">
      <cs:styleClr val="auto"/>
    </cs:fillRef>
    <cs:effectRef idx="0"/>
    <cs:fontRef idx="minor">
      <a:schemeClr val="tx1"/>
    </cs:fontRef>
    <cs:spPr>
      <a:solidFill>
        <a:schemeClr val="phClr"/>
      </a:solidFill>
    </cs:spPr>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solidFill>
        <a:schemeClr val="phClr"/>
      </a:solidFill>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E2FE083-0684-40C4-814E-B8BBBE03D25C}" type="doc">
      <dgm:prSet loTypeId="urn:microsoft.com/office/officeart/2005/8/layout/pyramid3" loCatId="pyramid" qsTypeId="urn:microsoft.com/office/officeart/2005/8/quickstyle/simple1" qsCatId="simple" csTypeId="urn:microsoft.com/office/officeart/2005/8/colors/colorful1" csCatId="colorful" phldr="1"/>
      <dgm:spPr/>
    </dgm:pt>
    <dgm:pt modelId="{ACCC44B6-D281-4ABE-86CC-105D19430A3D}">
      <dgm:prSet phldrT="[Text]" custT="1"/>
      <dgm:spPr/>
      <dgm:t>
        <a:bodyPr/>
        <a:lstStyle/>
        <a:p>
          <a:r>
            <a:rPr lang="en-SG" sz="1800" dirty="0"/>
            <a:t>What outcome measure: Clinical, microbiological, other?</a:t>
          </a:r>
        </a:p>
      </dgm:t>
    </dgm:pt>
    <dgm:pt modelId="{9E21B532-8733-46A6-841C-81A707F64570}" type="parTrans" cxnId="{AFB912FF-54AE-4E1A-AA73-A65719D28325}">
      <dgm:prSet/>
      <dgm:spPr/>
      <dgm:t>
        <a:bodyPr/>
        <a:lstStyle/>
        <a:p>
          <a:endParaRPr lang="en-SG" sz="1800"/>
        </a:p>
      </dgm:t>
    </dgm:pt>
    <dgm:pt modelId="{BEC6656D-9FD4-4D9F-B2AE-E28A534CA991}" type="sibTrans" cxnId="{AFB912FF-54AE-4E1A-AA73-A65719D28325}">
      <dgm:prSet/>
      <dgm:spPr/>
      <dgm:t>
        <a:bodyPr/>
        <a:lstStyle/>
        <a:p>
          <a:endParaRPr lang="en-SG" sz="1800"/>
        </a:p>
      </dgm:t>
    </dgm:pt>
    <dgm:pt modelId="{F0ADB0E4-0B9A-4DA1-95A3-B4B7B15F310E}">
      <dgm:prSet phldrT="[Text]" custT="1"/>
      <dgm:spPr/>
      <dgm:t>
        <a:bodyPr/>
        <a:lstStyle/>
        <a:p>
          <a:r>
            <a:rPr lang="en-SG" sz="1800" dirty="0"/>
            <a:t>Which Statin?</a:t>
          </a:r>
        </a:p>
      </dgm:t>
    </dgm:pt>
    <dgm:pt modelId="{B7C52162-80EC-44E8-A211-791EC1D3DB15}" type="parTrans" cxnId="{541BE47F-08E2-402B-85C5-CCE6B37F3CA8}">
      <dgm:prSet/>
      <dgm:spPr/>
      <dgm:t>
        <a:bodyPr/>
        <a:lstStyle/>
        <a:p>
          <a:endParaRPr lang="en-SG" sz="1800"/>
        </a:p>
      </dgm:t>
    </dgm:pt>
    <dgm:pt modelId="{9F4E2CC8-A640-4DA1-BF9B-E2AF6B77A21E}" type="sibTrans" cxnId="{541BE47F-08E2-402B-85C5-CCE6B37F3CA8}">
      <dgm:prSet/>
      <dgm:spPr/>
      <dgm:t>
        <a:bodyPr/>
        <a:lstStyle/>
        <a:p>
          <a:endParaRPr lang="en-SG" sz="1800"/>
        </a:p>
      </dgm:t>
    </dgm:pt>
    <dgm:pt modelId="{38D0F832-9BA4-47BB-83AC-DDC1BF75BAC7}">
      <dgm:prSet phldrT="[Text]" custT="1"/>
      <dgm:spPr/>
      <dgm:t>
        <a:bodyPr/>
        <a:lstStyle/>
        <a:p>
          <a:r>
            <a:rPr lang="en-SG" sz="1800" dirty="0"/>
            <a:t>What drug as HDT?</a:t>
          </a:r>
        </a:p>
      </dgm:t>
    </dgm:pt>
    <dgm:pt modelId="{115316CC-E822-4AA0-832A-94928CAFB586}" type="parTrans" cxnId="{283BA901-62E8-4A00-962A-A8817F10CDF2}">
      <dgm:prSet/>
      <dgm:spPr/>
      <dgm:t>
        <a:bodyPr/>
        <a:lstStyle/>
        <a:p>
          <a:endParaRPr lang="en-SG" sz="1800"/>
        </a:p>
      </dgm:t>
    </dgm:pt>
    <dgm:pt modelId="{505A2013-57D3-469F-A6DC-50001CE2FBE5}" type="sibTrans" cxnId="{283BA901-62E8-4A00-962A-A8817F10CDF2}">
      <dgm:prSet/>
      <dgm:spPr/>
      <dgm:t>
        <a:bodyPr/>
        <a:lstStyle/>
        <a:p>
          <a:endParaRPr lang="en-SG" sz="1800"/>
        </a:p>
      </dgm:t>
    </dgm:pt>
    <dgm:pt modelId="{D1BE932A-BF6E-47BB-B2E8-83A5BA357DC3}">
      <dgm:prSet phldrT="[Text]" custT="1"/>
      <dgm:spPr/>
      <dgm:t>
        <a:bodyPr/>
        <a:lstStyle/>
        <a:p>
          <a:r>
            <a:rPr lang="en-SG" sz="1800" dirty="0"/>
            <a:t>What dose?</a:t>
          </a:r>
        </a:p>
      </dgm:t>
    </dgm:pt>
    <dgm:pt modelId="{07808150-E767-4F1E-A1DF-08FE364B4ED6}" type="parTrans" cxnId="{A88683A1-681B-4004-8DE5-708A8AFEF507}">
      <dgm:prSet/>
      <dgm:spPr/>
      <dgm:t>
        <a:bodyPr/>
        <a:lstStyle/>
        <a:p>
          <a:endParaRPr lang="en-SG" sz="1800"/>
        </a:p>
      </dgm:t>
    </dgm:pt>
    <dgm:pt modelId="{AF18FEDA-07F9-44F1-A371-BC456A179D88}" type="sibTrans" cxnId="{A88683A1-681B-4004-8DE5-708A8AFEF507}">
      <dgm:prSet/>
      <dgm:spPr/>
      <dgm:t>
        <a:bodyPr/>
        <a:lstStyle/>
        <a:p>
          <a:endParaRPr lang="en-SG" sz="1800"/>
        </a:p>
      </dgm:t>
    </dgm:pt>
    <dgm:pt modelId="{4920C624-C34D-4771-83AF-BF88AEC0173A}">
      <dgm:prSet phldrT="[Text]" custT="1"/>
      <dgm:spPr/>
      <dgm:t>
        <a:bodyPr/>
        <a:lstStyle/>
        <a:p>
          <a:r>
            <a:rPr lang="en-SG" sz="1800" dirty="0"/>
            <a:t>Duration of therapy?</a:t>
          </a:r>
        </a:p>
      </dgm:t>
    </dgm:pt>
    <dgm:pt modelId="{D3A9B92B-1464-4C8C-803E-F030BB74D937}" type="parTrans" cxnId="{00BAD9B4-9B48-4157-981F-247AD5E43415}">
      <dgm:prSet/>
      <dgm:spPr/>
      <dgm:t>
        <a:bodyPr/>
        <a:lstStyle/>
        <a:p>
          <a:endParaRPr lang="en-SG" sz="1800"/>
        </a:p>
      </dgm:t>
    </dgm:pt>
    <dgm:pt modelId="{8C61129E-8B51-40E7-900C-A1839EF357BD}" type="sibTrans" cxnId="{00BAD9B4-9B48-4157-981F-247AD5E43415}">
      <dgm:prSet/>
      <dgm:spPr/>
      <dgm:t>
        <a:bodyPr/>
        <a:lstStyle/>
        <a:p>
          <a:endParaRPr lang="en-SG" sz="1800"/>
        </a:p>
      </dgm:t>
    </dgm:pt>
    <dgm:pt modelId="{EB72C456-8E32-414E-8A79-AC3EFC8C6A01}">
      <dgm:prSet phldrT="[Text]" custT="1"/>
      <dgm:spPr/>
      <dgm:t>
        <a:bodyPr/>
        <a:lstStyle/>
        <a:p>
          <a:r>
            <a:rPr lang="en-SG" sz="1800"/>
            <a:t>Placebo </a:t>
          </a:r>
          <a:r>
            <a:rPr lang="en-SG" sz="1800" dirty="0"/>
            <a:t>controlled, Double blind RCT? </a:t>
          </a:r>
        </a:p>
      </dgm:t>
    </dgm:pt>
    <dgm:pt modelId="{210853A5-E67F-4E01-90B6-A48B4BDD4AD2}" type="parTrans" cxnId="{B2118631-858A-471C-8981-DA8DA5D775D2}">
      <dgm:prSet/>
      <dgm:spPr/>
      <dgm:t>
        <a:bodyPr/>
        <a:lstStyle/>
        <a:p>
          <a:endParaRPr lang="en-SG"/>
        </a:p>
      </dgm:t>
    </dgm:pt>
    <dgm:pt modelId="{27638148-E806-4975-A584-7DF887F6C2ED}" type="sibTrans" cxnId="{B2118631-858A-471C-8981-DA8DA5D775D2}">
      <dgm:prSet/>
      <dgm:spPr/>
      <dgm:t>
        <a:bodyPr/>
        <a:lstStyle/>
        <a:p>
          <a:endParaRPr lang="en-SG"/>
        </a:p>
      </dgm:t>
    </dgm:pt>
    <dgm:pt modelId="{F7A3475A-3391-426C-92E2-B95F411FB9A4}" type="pres">
      <dgm:prSet presAssocID="{EE2FE083-0684-40C4-814E-B8BBBE03D25C}" presName="Name0" presStyleCnt="0">
        <dgm:presLayoutVars>
          <dgm:dir/>
          <dgm:animLvl val="lvl"/>
          <dgm:resizeHandles val="exact"/>
        </dgm:presLayoutVars>
      </dgm:prSet>
      <dgm:spPr/>
    </dgm:pt>
    <dgm:pt modelId="{97256D99-34DD-4DB4-B189-2249C92FB07D}" type="pres">
      <dgm:prSet presAssocID="{ACCC44B6-D281-4ABE-86CC-105D19430A3D}" presName="Name8" presStyleCnt="0"/>
      <dgm:spPr/>
    </dgm:pt>
    <dgm:pt modelId="{6D19E895-A57F-46F9-8396-223BD57B2994}" type="pres">
      <dgm:prSet presAssocID="{ACCC44B6-D281-4ABE-86CC-105D19430A3D}" presName="level" presStyleLbl="node1" presStyleIdx="0" presStyleCnt="6">
        <dgm:presLayoutVars>
          <dgm:chMax val="1"/>
          <dgm:bulletEnabled val="1"/>
        </dgm:presLayoutVars>
      </dgm:prSet>
      <dgm:spPr/>
    </dgm:pt>
    <dgm:pt modelId="{9AFF4EC4-43E6-4DF9-92E7-BB9BBC70B49E}" type="pres">
      <dgm:prSet presAssocID="{ACCC44B6-D281-4ABE-86CC-105D19430A3D}" presName="levelTx" presStyleLbl="revTx" presStyleIdx="0" presStyleCnt="0">
        <dgm:presLayoutVars>
          <dgm:chMax val="1"/>
          <dgm:bulletEnabled val="1"/>
        </dgm:presLayoutVars>
      </dgm:prSet>
      <dgm:spPr/>
    </dgm:pt>
    <dgm:pt modelId="{52C15009-99EE-4A43-B333-F42BB6525874}" type="pres">
      <dgm:prSet presAssocID="{EB72C456-8E32-414E-8A79-AC3EFC8C6A01}" presName="Name8" presStyleCnt="0"/>
      <dgm:spPr/>
    </dgm:pt>
    <dgm:pt modelId="{91766337-B83B-4D65-92B9-0270E28AEF61}" type="pres">
      <dgm:prSet presAssocID="{EB72C456-8E32-414E-8A79-AC3EFC8C6A01}" presName="level" presStyleLbl="node1" presStyleIdx="1" presStyleCnt="6">
        <dgm:presLayoutVars>
          <dgm:chMax val="1"/>
          <dgm:bulletEnabled val="1"/>
        </dgm:presLayoutVars>
      </dgm:prSet>
      <dgm:spPr/>
    </dgm:pt>
    <dgm:pt modelId="{1437467F-8320-49F8-81C2-212DC3E2CBB5}" type="pres">
      <dgm:prSet presAssocID="{EB72C456-8E32-414E-8A79-AC3EFC8C6A01}" presName="levelTx" presStyleLbl="revTx" presStyleIdx="0" presStyleCnt="0">
        <dgm:presLayoutVars>
          <dgm:chMax val="1"/>
          <dgm:bulletEnabled val="1"/>
        </dgm:presLayoutVars>
      </dgm:prSet>
      <dgm:spPr/>
    </dgm:pt>
    <dgm:pt modelId="{646F3959-E575-40A1-9314-71CD03AAC0BB}" type="pres">
      <dgm:prSet presAssocID="{4920C624-C34D-4771-83AF-BF88AEC0173A}" presName="Name8" presStyleCnt="0"/>
      <dgm:spPr/>
    </dgm:pt>
    <dgm:pt modelId="{1CE295F8-099E-4537-855B-0799AAC9E145}" type="pres">
      <dgm:prSet presAssocID="{4920C624-C34D-4771-83AF-BF88AEC0173A}" presName="level" presStyleLbl="node1" presStyleIdx="2" presStyleCnt="6">
        <dgm:presLayoutVars>
          <dgm:chMax val="1"/>
          <dgm:bulletEnabled val="1"/>
        </dgm:presLayoutVars>
      </dgm:prSet>
      <dgm:spPr/>
    </dgm:pt>
    <dgm:pt modelId="{4090426B-651E-4EEB-A715-E6912952956E}" type="pres">
      <dgm:prSet presAssocID="{4920C624-C34D-4771-83AF-BF88AEC0173A}" presName="levelTx" presStyleLbl="revTx" presStyleIdx="0" presStyleCnt="0">
        <dgm:presLayoutVars>
          <dgm:chMax val="1"/>
          <dgm:bulletEnabled val="1"/>
        </dgm:presLayoutVars>
      </dgm:prSet>
      <dgm:spPr/>
    </dgm:pt>
    <dgm:pt modelId="{4066B2BB-F2C2-4616-AFA8-F381448DDBEB}" type="pres">
      <dgm:prSet presAssocID="{D1BE932A-BF6E-47BB-B2E8-83A5BA357DC3}" presName="Name8" presStyleCnt="0"/>
      <dgm:spPr/>
    </dgm:pt>
    <dgm:pt modelId="{2E66BA6E-5FD8-4E8A-B7AC-533255252C50}" type="pres">
      <dgm:prSet presAssocID="{D1BE932A-BF6E-47BB-B2E8-83A5BA357DC3}" presName="level" presStyleLbl="node1" presStyleIdx="3" presStyleCnt="6">
        <dgm:presLayoutVars>
          <dgm:chMax val="1"/>
          <dgm:bulletEnabled val="1"/>
        </dgm:presLayoutVars>
      </dgm:prSet>
      <dgm:spPr/>
    </dgm:pt>
    <dgm:pt modelId="{207A91B9-3AA2-42B4-A20C-7CE0ED13A02A}" type="pres">
      <dgm:prSet presAssocID="{D1BE932A-BF6E-47BB-B2E8-83A5BA357DC3}" presName="levelTx" presStyleLbl="revTx" presStyleIdx="0" presStyleCnt="0">
        <dgm:presLayoutVars>
          <dgm:chMax val="1"/>
          <dgm:bulletEnabled val="1"/>
        </dgm:presLayoutVars>
      </dgm:prSet>
      <dgm:spPr/>
    </dgm:pt>
    <dgm:pt modelId="{1EC701C6-0E71-4945-82F2-F003E3120578}" type="pres">
      <dgm:prSet presAssocID="{F0ADB0E4-0B9A-4DA1-95A3-B4B7B15F310E}" presName="Name8" presStyleCnt="0"/>
      <dgm:spPr/>
    </dgm:pt>
    <dgm:pt modelId="{800F8ABB-24EF-4B5F-8946-1DD9A7A7ECDA}" type="pres">
      <dgm:prSet presAssocID="{F0ADB0E4-0B9A-4DA1-95A3-B4B7B15F310E}" presName="level" presStyleLbl="node1" presStyleIdx="4" presStyleCnt="6">
        <dgm:presLayoutVars>
          <dgm:chMax val="1"/>
          <dgm:bulletEnabled val="1"/>
        </dgm:presLayoutVars>
      </dgm:prSet>
      <dgm:spPr/>
    </dgm:pt>
    <dgm:pt modelId="{D6F1786D-189F-4B7D-9CB6-61393085DBFC}" type="pres">
      <dgm:prSet presAssocID="{F0ADB0E4-0B9A-4DA1-95A3-B4B7B15F310E}" presName="levelTx" presStyleLbl="revTx" presStyleIdx="0" presStyleCnt="0">
        <dgm:presLayoutVars>
          <dgm:chMax val="1"/>
          <dgm:bulletEnabled val="1"/>
        </dgm:presLayoutVars>
      </dgm:prSet>
      <dgm:spPr/>
    </dgm:pt>
    <dgm:pt modelId="{7E0E1972-237C-405F-B428-7D85D6F8B442}" type="pres">
      <dgm:prSet presAssocID="{38D0F832-9BA4-47BB-83AC-DDC1BF75BAC7}" presName="Name8" presStyleCnt="0"/>
      <dgm:spPr/>
    </dgm:pt>
    <dgm:pt modelId="{882FBD5F-7B76-4D87-9B7B-0BDFD2732E10}" type="pres">
      <dgm:prSet presAssocID="{38D0F832-9BA4-47BB-83AC-DDC1BF75BAC7}" presName="level" presStyleLbl="node1" presStyleIdx="5" presStyleCnt="6" custScaleX="192754">
        <dgm:presLayoutVars>
          <dgm:chMax val="1"/>
          <dgm:bulletEnabled val="1"/>
        </dgm:presLayoutVars>
      </dgm:prSet>
      <dgm:spPr/>
    </dgm:pt>
    <dgm:pt modelId="{7AA8B034-8153-4A2A-A931-4DD48C54F0F5}" type="pres">
      <dgm:prSet presAssocID="{38D0F832-9BA4-47BB-83AC-DDC1BF75BAC7}" presName="levelTx" presStyleLbl="revTx" presStyleIdx="0" presStyleCnt="0">
        <dgm:presLayoutVars>
          <dgm:chMax val="1"/>
          <dgm:bulletEnabled val="1"/>
        </dgm:presLayoutVars>
      </dgm:prSet>
      <dgm:spPr/>
    </dgm:pt>
  </dgm:ptLst>
  <dgm:cxnLst>
    <dgm:cxn modelId="{283BA901-62E8-4A00-962A-A8817F10CDF2}" srcId="{EE2FE083-0684-40C4-814E-B8BBBE03D25C}" destId="{38D0F832-9BA4-47BB-83AC-DDC1BF75BAC7}" srcOrd="5" destOrd="0" parTransId="{115316CC-E822-4AA0-832A-94928CAFB586}" sibTransId="{505A2013-57D3-469F-A6DC-50001CE2FBE5}"/>
    <dgm:cxn modelId="{D257DA08-A3F6-4FC5-BDEB-A887B4C6B12B}" type="presOf" srcId="{EE2FE083-0684-40C4-814E-B8BBBE03D25C}" destId="{F7A3475A-3391-426C-92E2-B95F411FB9A4}" srcOrd="0" destOrd="0" presId="urn:microsoft.com/office/officeart/2005/8/layout/pyramid3"/>
    <dgm:cxn modelId="{B2118631-858A-471C-8981-DA8DA5D775D2}" srcId="{EE2FE083-0684-40C4-814E-B8BBBE03D25C}" destId="{EB72C456-8E32-414E-8A79-AC3EFC8C6A01}" srcOrd="1" destOrd="0" parTransId="{210853A5-E67F-4E01-90B6-A48B4BDD4AD2}" sibTransId="{27638148-E806-4975-A584-7DF887F6C2ED}"/>
    <dgm:cxn modelId="{F5E8085E-E60B-4E7D-A5A1-030380A433CE}" type="presOf" srcId="{ACCC44B6-D281-4ABE-86CC-105D19430A3D}" destId="{9AFF4EC4-43E6-4DF9-92E7-BB9BBC70B49E}" srcOrd="1" destOrd="0" presId="urn:microsoft.com/office/officeart/2005/8/layout/pyramid3"/>
    <dgm:cxn modelId="{F7857442-BCE8-4749-9878-1AABD99AE4EF}" type="presOf" srcId="{EB72C456-8E32-414E-8A79-AC3EFC8C6A01}" destId="{91766337-B83B-4D65-92B9-0270E28AEF61}" srcOrd="0" destOrd="0" presId="urn:microsoft.com/office/officeart/2005/8/layout/pyramid3"/>
    <dgm:cxn modelId="{F86E6D6C-AEAC-4DDA-96F1-CFD3523E0AB0}" type="presOf" srcId="{D1BE932A-BF6E-47BB-B2E8-83A5BA357DC3}" destId="{207A91B9-3AA2-42B4-A20C-7CE0ED13A02A}" srcOrd="1" destOrd="0" presId="urn:microsoft.com/office/officeart/2005/8/layout/pyramid3"/>
    <dgm:cxn modelId="{2C9F3E4E-2F93-459F-8781-7D3A444F5759}" type="presOf" srcId="{38D0F832-9BA4-47BB-83AC-DDC1BF75BAC7}" destId="{882FBD5F-7B76-4D87-9B7B-0BDFD2732E10}" srcOrd="0" destOrd="0" presId="urn:microsoft.com/office/officeart/2005/8/layout/pyramid3"/>
    <dgm:cxn modelId="{3AEC567B-560F-456D-A4E3-83ABB524FC3F}" type="presOf" srcId="{4920C624-C34D-4771-83AF-BF88AEC0173A}" destId="{1CE295F8-099E-4537-855B-0799AAC9E145}" srcOrd="0" destOrd="0" presId="urn:microsoft.com/office/officeart/2005/8/layout/pyramid3"/>
    <dgm:cxn modelId="{541BE47F-08E2-402B-85C5-CCE6B37F3CA8}" srcId="{EE2FE083-0684-40C4-814E-B8BBBE03D25C}" destId="{F0ADB0E4-0B9A-4DA1-95A3-B4B7B15F310E}" srcOrd="4" destOrd="0" parTransId="{B7C52162-80EC-44E8-A211-791EC1D3DB15}" sibTransId="{9F4E2CC8-A640-4DA1-BF9B-E2AF6B77A21E}"/>
    <dgm:cxn modelId="{A88683A1-681B-4004-8DE5-708A8AFEF507}" srcId="{EE2FE083-0684-40C4-814E-B8BBBE03D25C}" destId="{D1BE932A-BF6E-47BB-B2E8-83A5BA357DC3}" srcOrd="3" destOrd="0" parTransId="{07808150-E767-4F1E-A1DF-08FE364B4ED6}" sibTransId="{AF18FEDA-07F9-44F1-A371-BC456A179D88}"/>
    <dgm:cxn modelId="{D4988BA2-1A75-43B1-BEF1-CD5E82F6DBFC}" type="presOf" srcId="{D1BE932A-BF6E-47BB-B2E8-83A5BA357DC3}" destId="{2E66BA6E-5FD8-4E8A-B7AC-533255252C50}" srcOrd="0" destOrd="0" presId="urn:microsoft.com/office/officeart/2005/8/layout/pyramid3"/>
    <dgm:cxn modelId="{00BAD9B4-9B48-4157-981F-247AD5E43415}" srcId="{EE2FE083-0684-40C4-814E-B8BBBE03D25C}" destId="{4920C624-C34D-4771-83AF-BF88AEC0173A}" srcOrd="2" destOrd="0" parTransId="{D3A9B92B-1464-4C8C-803E-F030BB74D937}" sibTransId="{8C61129E-8B51-40E7-900C-A1839EF357BD}"/>
    <dgm:cxn modelId="{2253E1C5-EEC2-42DB-B739-E0AE387C9A9B}" type="presOf" srcId="{EB72C456-8E32-414E-8A79-AC3EFC8C6A01}" destId="{1437467F-8320-49F8-81C2-212DC3E2CBB5}" srcOrd="1" destOrd="0" presId="urn:microsoft.com/office/officeart/2005/8/layout/pyramid3"/>
    <dgm:cxn modelId="{49A2A7E5-8AB6-4AA0-B505-CF017E10CA63}" type="presOf" srcId="{ACCC44B6-D281-4ABE-86CC-105D19430A3D}" destId="{6D19E895-A57F-46F9-8396-223BD57B2994}" srcOrd="0" destOrd="0" presId="urn:microsoft.com/office/officeart/2005/8/layout/pyramid3"/>
    <dgm:cxn modelId="{3D16EAF2-0CE5-4CF4-BA82-0273C1267600}" type="presOf" srcId="{F0ADB0E4-0B9A-4DA1-95A3-B4B7B15F310E}" destId="{800F8ABB-24EF-4B5F-8946-1DD9A7A7ECDA}" srcOrd="0" destOrd="0" presId="urn:microsoft.com/office/officeart/2005/8/layout/pyramid3"/>
    <dgm:cxn modelId="{15038DF3-29F8-4FFA-9860-81429E974ACA}" type="presOf" srcId="{F0ADB0E4-0B9A-4DA1-95A3-B4B7B15F310E}" destId="{D6F1786D-189F-4B7D-9CB6-61393085DBFC}" srcOrd="1" destOrd="0" presId="urn:microsoft.com/office/officeart/2005/8/layout/pyramid3"/>
    <dgm:cxn modelId="{B6EF5CF7-8EA6-4C97-9A2D-272FCBFC5051}" type="presOf" srcId="{38D0F832-9BA4-47BB-83AC-DDC1BF75BAC7}" destId="{7AA8B034-8153-4A2A-A931-4DD48C54F0F5}" srcOrd="1" destOrd="0" presId="urn:microsoft.com/office/officeart/2005/8/layout/pyramid3"/>
    <dgm:cxn modelId="{5454E0F7-0559-434C-BCD5-41D1CD553118}" type="presOf" srcId="{4920C624-C34D-4771-83AF-BF88AEC0173A}" destId="{4090426B-651E-4EEB-A715-E6912952956E}" srcOrd="1" destOrd="0" presId="urn:microsoft.com/office/officeart/2005/8/layout/pyramid3"/>
    <dgm:cxn modelId="{AFB912FF-54AE-4E1A-AA73-A65719D28325}" srcId="{EE2FE083-0684-40C4-814E-B8BBBE03D25C}" destId="{ACCC44B6-D281-4ABE-86CC-105D19430A3D}" srcOrd="0" destOrd="0" parTransId="{9E21B532-8733-46A6-841C-81A707F64570}" sibTransId="{BEC6656D-9FD4-4D9F-B2AE-E28A534CA991}"/>
    <dgm:cxn modelId="{6588D56C-9124-4925-B332-7A08804196E5}" type="presParOf" srcId="{F7A3475A-3391-426C-92E2-B95F411FB9A4}" destId="{97256D99-34DD-4DB4-B189-2249C92FB07D}" srcOrd="0" destOrd="0" presId="urn:microsoft.com/office/officeart/2005/8/layout/pyramid3"/>
    <dgm:cxn modelId="{C66A88B0-3D76-440B-8049-5EF359E5B729}" type="presParOf" srcId="{97256D99-34DD-4DB4-B189-2249C92FB07D}" destId="{6D19E895-A57F-46F9-8396-223BD57B2994}" srcOrd="0" destOrd="0" presId="urn:microsoft.com/office/officeart/2005/8/layout/pyramid3"/>
    <dgm:cxn modelId="{61FC8E9E-532F-4C0D-AF41-0D25F61FAB7D}" type="presParOf" srcId="{97256D99-34DD-4DB4-B189-2249C92FB07D}" destId="{9AFF4EC4-43E6-4DF9-92E7-BB9BBC70B49E}" srcOrd="1" destOrd="0" presId="urn:microsoft.com/office/officeart/2005/8/layout/pyramid3"/>
    <dgm:cxn modelId="{419B6BD4-AA7E-4BD5-9B09-B6B810CB466B}" type="presParOf" srcId="{F7A3475A-3391-426C-92E2-B95F411FB9A4}" destId="{52C15009-99EE-4A43-B333-F42BB6525874}" srcOrd="1" destOrd="0" presId="urn:microsoft.com/office/officeart/2005/8/layout/pyramid3"/>
    <dgm:cxn modelId="{9D860DA7-D5AA-4571-B0B7-70EA17772516}" type="presParOf" srcId="{52C15009-99EE-4A43-B333-F42BB6525874}" destId="{91766337-B83B-4D65-92B9-0270E28AEF61}" srcOrd="0" destOrd="0" presId="urn:microsoft.com/office/officeart/2005/8/layout/pyramid3"/>
    <dgm:cxn modelId="{867FB8C5-E626-4E71-B739-A06D52893B43}" type="presParOf" srcId="{52C15009-99EE-4A43-B333-F42BB6525874}" destId="{1437467F-8320-49F8-81C2-212DC3E2CBB5}" srcOrd="1" destOrd="0" presId="urn:microsoft.com/office/officeart/2005/8/layout/pyramid3"/>
    <dgm:cxn modelId="{F2C5C531-6B6B-415D-81B0-F3461B18DC2C}" type="presParOf" srcId="{F7A3475A-3391-426C-92E2-B95F411FB9A4}" destId="{646F3959-E575-40A1-9314-71CD03AAC0BB}" srcOrd="2" destOrd="0" presId="urn:microsoft.com/office/officeart/2005/8/layout/pyramid3"/>
    <dgm:cxn modelId="{00C2CD8D-35C2-43DD-8242-EA7CAFE3AD80}" type="presParOf" srcId="{646F3959-E575-40A1-9314-71CD03AAC0BB}" destId="{1CE295F8-099E-4537-855B-0799AAC9E145}" srcOrd="0" destOrd="0" presId="urn:microsoft.com/office/officeart/2005/8/layout/pyramid3"/>
    <dgm:cxn modelId="{5251CBF3-9D4B-4460-8D0E-B2EDAA284CC8}" type="presParOf" srcId="{646F3959-E575-40A1-9314-71CD03AAC0BB}" destId="{4090426B-651E-4EEB-A715-E6912952956E}" srcOrd="1" destOrd="0" presId="urn:microsoft.com/office/officeart/2005/8/layout/pyramid3"/>
    <dgm:cxn modelId="{70C2912B-0EAE-4775-AA0A-0420EDA56A60}" type="presParOf" srcId="{F7A3475A-3391-426C-92E2-B95F411FB9A4}" destId="{4066B2BB-F2C2-4616-AFA8-F381448DDBEB}" srcOrd="3" destOrd="0" presId="urn:microsoft.com/office/officeart/2005/8/layout/pyramid3"/>
    <dgm:cxn modelId="{DB2D8B5D-459E-42DE-984D-2FB95E32AB7B}" type="presParOf" srcId="{4066B2BB-F2C2-4616-AFA8-F381448DDBEB}" destId="{2E66BA6E-5FD8-4E8A-B7AC-533255252C50}" srcOrd="0" destOrd="0" presId="urn:microsoft.com/office/officeart/2005/8/layout/pyramid3"/>
    <dgm:cxn modelId="{1F8E6BD0-4276-4E45-80A0-DCE01ACDA27D}" type="presParOf" srcId="{4066B2BB-F2C2-4616-AFA8-F381448DDBEB}" destId="{207A91B9-3AA2-42B4-A20C-7CE0ED13A02A}" srcOrd="1" destOrd="0" presId="urn:microsoft.com/office/officeart/2005/8/layout/pyramid3"/>
    <dgm:cxn modelId="{3AE2FB99-EA71-4792-8055-AF1EA2DCEDB0}" type="presParOf" srcId="{F7A3475A-3391-426C-92E2-B95F411FB9A4}" destId="{1EC701C6-0E71-4945-82F2-F003E3120578}" srcOrd="4" destOrd="0" presId="urn:microsoft.com/office/officeart/2005/8/layout/pyramid3"/>
    <dgm:cxn modelId="{DD4E52A4-9F5C-48F2-AA25-4A7FF0E298EB}" type="presParOf" srcId="{1EC701C6-0E71-4945-82F2-F003E3120578}" destId="{800F8ABB-24EF-4B5F-8946-1DD9A7A7ECDA}" srcOrd="0" destOrd="0" presId="urn:microsoft.com/office/officeart/2005/8/layout/pyramid3"/>
    <dgm:cxn modelId="{86426CD5-0CA6-486E-ACF6-1018EBD5E606}" type="presParOf" srcId="{1EC701C6-0E71-4945-82F2-F003E3120578}" destId="{D6F1786D-189F-4B7D-9CB6-61393085DBFC}" srcOrd="1" destOrd="0" presId="urn:microsoft.com/office/officeart/2005/8/layout/pyramid3"/>
    <dgm:cxn modelId="{4C2132F7-CB14-47F4-AA13-62D5F6967AFA}" type="presParOf" srcId="{F7A3475A-3391-426C-92E2-B95F411FB9A4}" destId="{7E0E1972-237C-405F-B428-7D85D6F8B442}" srcOrd="5" destOrd="0" presId="urn:microsoft.com/office/officeart/2005/8/layout/pyramid3"/>
    <dgm:cxn modelId="{05429C9F-7920-4433-96E6-BE13FB19379A}" type="presParOf" srcId="{7E0E1972-237C-405F-B428-7D85D6F8B442}" destId="{882FBD5F-7B76-4D87-9B7B-0BDFD2732E10}" srcOrd="0" destOrd="0" presId="urn:microsoft.com/office/officeart/2005/8/layout/pyramid3"/>
    <dgm:cxn modelId="{EDAB8F80-289E-46A3-AEDF-2B272CC0589F}" type="presParOf" srcId="{7E0E1972-237C-405F-B428-7D85D6F8B442}" destId="{7AA8B034-8153-4A2A-A931-4DD48C54F0F5}" srcOrd="1" destOrd="0" presId="urn:microsoft.com/office/officeart/2005/8/layout/pyramid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DF8C0BB-0938-450E-9068-9F6730AA0339}" type="doc">
      <dgm:prSet loTypeId="urn:microsoft.com/office/officeart/2005/8/layout/hProcess11" loCatId="process" qsTypeId="urn:microsoft.com/office/officeart/2005/8/quickstyle/simple1" qsCatId="simple" csTypeId="urn:microsoft.com/office/officeart/2005/8/colors/colorful1" csCatId="colorful" phldr="1"/>
      <dgm:spPr/>
    </dgm:pt>
    <dgm:pt modelId="{C43488E7-B663-4D96-ABE2-FE629946E25D}">
      <dgm:prSet phldrT="[Text]" custT="1"/>
      <dgm:spPr/>
      <dgm:t>
        <a:bodyPr/>
        <a:lstStyle/>
        <a:p>
          <a:pPr algn="ctr"/>
          <a:r>
            <a:rPr lang="en-SG" sz="2000" dirty="0"/>
            <a:t>8 Weeks</a:t>
          </a:r>
        </a:p>
        <a:p>
          <a:pPr algn="l"/>
          <a:r>
            <a:rPr lang="en-SG" sz="1400" dirty="0"/>
            <a:t>Most culture convert by 8 week. </a:t>
          </a:r>
        </a:p>
        <a:p>
          <a:pPr algn="l"/>
          <a:r>
            <a:rPr lang="en-SG" sz="1400" dirty="0"/>
            <a:t>Aiming for 2 month regimen in the future</a:t>
          </a:r>
        </a:p>
        <a:p>
          <a:pPr algn="l"/>
          <a:r>
            <a:rPr lang="en-SG" sz="1400" dirty="0"/>
            <a:t>Greater risk of toxicity with longer use of statins</a:t>
          </a:r>
        </a:p>
      </dgm:t>
    </dgm:pt>
    <dgm:pt modelId="{0F0CFAEA-C737-40A0-9792-5CB17D55DD69}" type="parTrans" cxnId="{9285852A-C9D4-40B7-A90F-6B74DECE06A2}">
      <dgm:prSet/>
      <dgm:spPr/>
      <dgm:t>
        <a:bodyPr/>
        <a:lstStyle/>
        <a:p>
          <a:endParaRPr lang="en-SG"/>
        </a:p>
      </dgm:t>
    </dgm:pt>
    <dgm:pt modelId="{CAEF94DA-B1E5-4469-9653-307D681CCC01}" type="sibTrans" cxnId="{9285852A-C9D4-40B7-A90F-6B74DECE06A2}">
      <dgm:prSet/>
      <dgm:spPr/>
      <dgm:t>
        <a:bodyPr/>
        <a:lstStyle/>
        <a:p>
          <a:endParaRPr lang="en-SG"/>
        </a:p>
      </dgm:t>
    </dgm:pt>
    <dgm:pt modelId="{4756F42C-70AF-4B27-BA3D-5DA8186D29CD}">
      <dgm:prSet phldrT="[Text]" custT="1"/>
      <dgm:spPr/>
      <dgm:t>
        <a:bodyPr/>
        <a:lstStyle/>
        <a:p>
          <a:pPr algn="ctr"/>
          <a:r>
            <a:rPr lang="en-SG" sz="2000" dirty="0"/>
            <a:t>12 weeks</a:t>
          </a:r>
        </a:p>
        <a:p>
          <a:pPr algn="l"/>
          <a:r>
            <a:rPr lang="en-SG" sz="1400" dirty="0"/>
            <a:t>Greater chance of seeing an effect</a:t>
          </a:r>
        </a:p>
        <a:p>
          <a:pPr algn="l"/>
          <a:r>
            <a:rPr lang="en-SG" sz="1400" dirty="0"/>
            <a:t>Greater precision around primary endpoint estimation</a:t>
          </a:r>
        </a:p>
      </dgm:t>
    </dgm:pt>
    <dgm:pt modelId="{77E573C3-D05D-47D7-99F3-595C23DBF587}" type="parTrans" cxnId="{58DF395C-5FD0-4E5A-88FC-DFA402C21308}">
      <dgm:prSet/>
      <dgm:spPr/>
      <dgm:t>
        <a:bodyPr/>
        <a:lstStyle/>
        <a:p>
          <a:endParaRPr lang="en-SG"/>
        </a:p>
      </dgm:t>
    </dgm:pt>
    <dgm:pt modelId="{D222C5B9-6670-4784-8684-742881CBBEA7}" type="sibTrans" cxnId="{58DF395C-5FD0-4E5A-88FC-DFA402C21308}">
      <dgm:prSet/>
      <dgm:spPr/>
      <dgm:t>
        <a:bodyPr/>
        <a:lstStyle/>
        <a:p>
          <a:endParaRPr lang="en-SG"/>
        </a:p>
      </dgm:t>
    </dgm:pt>
    <dgm:pt modelId="{3C4ADF94-19C3-42BB-A58A-3726CE270922}">
      <dgm:prSet phldrT="[Text]" custT="1"/>
      <dgm:spPr/>
      <dgm:t>
        <a:bodyPr/>
        <a:lstStyle/>
        <a:p>
          <a:r>
            <a:rPr lang="en-SG" sz="2000" dirty="0"/>
            <a:t>24 weeks</a:t>
          </a:r>
        </a:p>
        <a:p>
          <a:r>
            <a:rPr lang="en-SG" sz="1400" dirty="0"/>
            <a:t>Would maximise effects</a:t>
          </a:r>
        </a:p>
        <a:p>
          <a:r>
            <a:rPr lang="en-SG" sz="1400" dirty="0"/>
            <a:t>Issues with monitoring adherence, toxicity</a:t>
          </a:r>
        </a:p>
        <a:p>
          <a:r>
            <a:rPr lang="en-SG" sz="1400" dirty="0"/>
            <a:t>Mostly interested in effect on culture conversion vs. reducing lung inflammation</a:t>
          </a:r>
        </a:p>
      </dgm:t>
    </dgm:pt>
    <dgm:pt modelId="{D4F3738D-7E9C-4EF3-B9E6-17CE05BE1562}" type="parTrans" cxnId="{C76DF443-DC0E-492F-BDB4-7A7B1714F7A5}">
      <dgm:prSet/>
      <dgm:spPr/>
      <dgm:t>
        <a:bodyPr/>
        <a:lstStyle/>
        <a:p>
          <a:endParaRPr lang="en-SG"/>
        </a:p>
      </dgm:t>
    </dgm:pt>
    <dgm:pt modelId="{0283211E-C669-4F83-A72A-8D935DCD49A8}" type="sibTrans" cxnId="{C76DF443-DC0E-492F-BDB4-7A7B1714F7A5}">
      <dgm:prSet/>
      <dgm:spPr/>
      <dgm:t>
        <a:bodyPr/>
        <a:lstStyle/>
        <a:p>
          <a:endParaRPr lang="en-SG"/>
        </a:p>
      </dgm:t>
    </dgm:pt>
    <dgm:pt modelId="{FAB9AEA0-02B5-4086-B8A9-F48C9F0AD85E}" type="pres">
      <dgm:prSet presAssocID="{2DF8C0BB-0938-450E-9068-9F6730AA0339}" presName="Name0" presStyleCnt="0">
        <dgm:presLayoutVars>
          <dgm:dir/>
          <dgm:resizeHandles val="exact"/>
        </dgm:presLayoutVars>
      </dgm:prSet>
      <dgm:spPr/>
    </dgm:pt>
    <dgm:pt modelId="{D41CB831-FAAA-4BDF-8EB5-6558271B1E12}" type="pres">
      <dgm:prSet presAssocID="{2DF8C0BB-0938-450E-9068-9F6730AA0339}" presName="arrow" presStyleLbl="bgShp" presStyleIdx="0" presStyleCnt="1"/>
      <dgm:spPr/>
    </dgm:pt>
    <dgm:pt modelId="{9B8760C9-8A4E-4F75-8845-7F3663126F11}" type="pres">
      <dgm:prSet presAssocID="{2DF8C0BB-0938-450E-9068-9F6730AA0339}" presName="points" presStyleCnt="0"/>
      <dgm:spPr/>
    </dgm:pt>
    <dgm:pt modelId="{A196E89B-5D7E-4F2E-8075-705854EE8BE8}" type="pres">
      <dgm:prSet presAssocID="{C43488E7-B663-4D96-ABE2-FE629946E25D}" presName="compositeA" presStyleCnt="0"/>
      <dgm:spPr/>
    </dgm:pt>
    <dgm:pt modelId="{15FB236D-E1BE-4EC9-A05F-B375B9CF87EC}" type="pres">
      <dgm:prSet presAssocID="{C43488E7-B663-4D96-ABE2-FE629946E25D}" presName="textA" presStyleLbl="revTx" presStyleIdx="0" presStyleCnt="3">
        <dgm:presLayoutVars>
          <dgm:bulletEnabled val="1"/>
        </dgm:presLayoutVars>
      </dgm:prSet>
      <dgm:spPr/>
    </dgm:pt>
    <dgm:pt modelId="{F5926B8F-CC9F-4200-A7DF-20179466DFCB}" type="pres">
      <dgm:prSet presAssocID="{C43488E7-B663-4D96-ABE2-FE629946E25D}" presName="circleA" presStyleLbl="node1" presStyleIdx="0" presStyleCnt="3"/>
      <dgm:spPr/>
    </dgm:pt>
    <dgm:pt modelId="{BA86696F-6501-414F-AFA9-54444C58D99A}" type="pres">
      <dgm:prSet presAssocID="{C43488E7-B663-4D96-ABE2-FE629946E25D}" presName="spaceA" presStyleCnt="0"/>
      <dgm:spPr/>
    </dgm:pt>
    <dgm:pt modelId="{EC04F10C-86BE-45D3-88AD-754003AB5E8A}" type="pres">
      <dgm:prSet presAssocID="{CAEF94DA-B1E5-4469-9653-307D681CCC01}" presName="space" presStyleCnt="0"/>
      <dgm:spPr/>
    </dgm:pt>
    <dgm:pt modelId="{4683E3A5-CB92-41AA-BC03-C78A3A55A7E8}" type="pres">
      <dgm:prSet presAssocID="{4756F42C-70AF-4B27-BA3D-5DA8186D29CD}" presName="compositeB" presStyleCnt="0"/>
      <dgm:spPr/>
    </dgm:pt>
    <dgm:pt modelId="{929F9AF8-E7FF-4D01-A2AB-24C22C141638}" type="pres">
      <dgm:prSet presAssocID="{4756F42C-70AF-4B27-BA3D-5DA8186D29CD}" presName="textB" presStyleLbl="revTx" presStyleIdx="1" presStyleCnt="3">
        <dgm:presLayoutVars>
          <dgm:bulletEnabled val="1"/>
        </dgm:presLayoutVars>
      </dgm:prSet>
      <dgm:spPr/>
    </dgm:pt>
    <dgm:pt modelId="{B5EDCF44-04E0-4E56-AA42-D420132518F3}" type="pres">
      <dgm:prSet presAssocID="{4756F42C-70AF-4B27-BA3D-5DA8186D29CD}" presName="circleB" presStyleLbl="node1" presStyleIdx="1" presStyleCnt="3"/>
      <dgm:spPr/>
    </dgm:pt>
    <dgm:pt modelId="{A519112D-3898-4D98-8F7A-43B94C094083}" type="pres">
      <dgm:prSet presAssocID="{4756F42C-70AF-4B27-BA3D-5DA8186D29CD}" presName="spaceB" presStyleCnt="0"/>
      <dgm:spPr/>
    </dgm:pt>
    <dgm:pt modelId="{BCE6CED8-7C52-4A58-974C-CCE0BAE443A6}" type="pres">
      <dgm:prSet presAssocID="{D222C5B9-6670-4784-8684-742881CBBEA7}" presName="space" presStyleCnt="0"/>
      <dgm:spPr/>
    </dgm:pt>
    <dgm:pt modelId="{02FC5225-87D7-4786-962D-B4210CABFB4C}" type="pres">
      <dgm:prSet presAssocID="{3C4ADF94-19C3-42BB-A58A-3726CE270922}" presName="compositeA" presStyleCnt="0"/>
      <dgm:spPr/>
    </dgm:pt>
    <dgm:pt modelId="{A72B06AB-F6F9-486C-AB16-62B064A5F9BF}" type="pres">
      <dgm:prSet presAssocID="{3C4ADF94-19C3-42BB-A58A-3726CE270922}" presName="textA" presStyleLbl="revTx" presStyleIdx="2" presStyleCnt="3">
        <dgm:presLayoutVars>
          <dgm:bulletEnabled val="1"/>
        </dgm:presLayoutVars>
      </dgm:prSet>
      <dgm:spPr/>
    </dgm:pt>
    <dgm:pt modelId="{F9F65DA9-738F-4520-BE69-925B26667A38}" type="pres">
      <dgm:prSet presAssocID="{3C4ADF94-19C3-42BB-A58A-3726CE270922}" presName="circleA" presStyleLbl="node1" presStyleIdx="2" presStyleCnt="3"/>
      <dgm:spPr/>
    </dgm:pt>
    <dgm:pt modelId="{68493B3B-AF06-4E54-9B4E-A63C7D6631F6}" type="pres">
      <dgm:prSet presAssocID="{3C4ADF94-19C3-42BB-A58A-3726CE270922}" presName="spaceA" presStyleCnt="0"/>
      <dgm:spPr/>
    </dgm:pt>
  </dgm:ptLst>
  <dgm:cxnLst>
    <dgm:cxn modelId="{9285852A-C9D4-40B7-A90F-6B74DECE06A2}" srcId="{2DF8C0BB-0938-450E-9068-9F6730AA0339}" destId="{C43488E7-B663-4D96-ABE2-FE629946E25D}" srcOrd="0" destOrd="0" parTransId="{0F0CFAEA-C737-40A0-9792-5CB17D55DD69}" sibTransId="{CAEF94DA-B1E5-4469-9653-307D681CCC01}"/>
    <dgm:cxn modelId="{58DF395C-5FD0-4E5A-88FC-DFA402C21308}" srcId="{2DF8C0BB-0938-450E-9068-9F6730AA0339}" destId="{4756F42C-70AF-4B27-BA3D-5DA8186D29CD}" srcOrd="1" destOrd="0" parTransId="{77E573C3-D05D-47D7-99F3-595C23DBF587}" sibTransId="{D222C5B9-6670-4784-8684-742881CBBEA7}"/>
    <dgm:cxn modelId="{C76DF443-DC0E-492F-BDB4-7A7B1714F7A5}" srcId="{2DF8C0BB-0938-450E-9068-9F6730AA0339}" destId="{3C4ADF94-19C3-42BB-A58A-3726CE270922}" srcOrd="2" destOrd="0" parTransId="{D4F3738D-7E9C-4EF3-B9E6-17CE05BE1562}" sibTransId="{0283211E-C669-4F83-A72A-8D935DCD49A8}"/>
    <dgm:cxn modelId="{08EA8771-CAD4-438F-9C2F-911C4471C40C}" type="presOf" srcId="{3C4ADF94-19C3-42BB-A58A-3726CE270922}" destId="{A72B06AB-F6F9-486C-AB16-62B064A5F9BF}" srcOrd="0" destOrd="0" presId="urn:microsoft.com/office/officeart/2005/8/layout/hProcess11"/>
    <dgm:cxn modelId="{54F76BC8-B585-41C5-A956-112FDB69C82E}" type="presOf" srcId="{4756F42C-70AF-4B27-BA3D-5DA8186D29CD}" destId="{929F9AF8-E7FF-4D01-A2AB-24C22C141638}" srcOrd="0" destOrd="0" presId="urn:microsoft.com/office/officeart/2005/8/layout/hProcess11"/>
    <dgm:cxn modelId="{AF0EA9CF-9D6C-4538-B70B-6087C3EC5C8C}" type="presOf" srcId="{2DF8C0BB-0938-450E-9068-9F6730AA0339}" destId="{FAB9AEA0-02B5-4086-B8A9-F48C9F0AD85E}" srcOrd="0" destOrd="0" presId="urn:microsoft.com/office/officeart/2005/8/layout/hProcess11"/>
    <dgm:cxn modelId="{8B89B4FD-44E3-48B9-BBD2-50CAD67FB80E}" type="presOf" srcId="{C43488E7-B663-4D96-ABE2-FE629946E25D}" destId="{15FB236D-E1BE-4EC9-A05F-B375B9CF87EC}" srcOrd="0" destOrd="0" presId="urn:microsoft.com/office/officeart/2005/8/layout/hProcess11"/>
    <dgm:cxn modelId="{3F86375C-4B10-4210-803D-ABF922B148A2}" type="presParOf" srcId="{FAB9AEA0-02B5-4086-B8A9-F48C9F0AD85E}" destId="{D41CB831-FAAA-4BDF-8EB5-6558271B1E12}" srcOrd="0" destOrd="0" presId="urn:microsoft.com/office/officeart/2005/8/layout/hProcess11"/>
    <dgm:cxn modelId="{E80BF905-F788-42F3-9736-D850F8E3FF0B}" type="presParOf" srcId="{FAB9AEA0-02B5-4086-B8A9-F48C9F0AD85E}" destId="{9B8760C9-8A4E-4F75-8845-7F3663126F11}" srcOrd="1" destOrd="0" presId="urn:microsoft.com/office/officeart/2005/8/layout/hProcess11"/>
    <dgm:cxn modelId="{351856DD-56E0-4E87-8678-9698F35A4742}" type="presParOf" srcId="{9B8760C9-8A4E-4F75-8845-7F3663126F11}" destId="{A196E89B-5D7E-4F2E-8075-705854EE8BE8}" srcOrd="0" destOrd="0" presId="urn:microsoft.com/office/officeart/2005/8/layout/hProcess11"/>
    <dgm:cxn modelId="{CC21AF9E-F200-4658-8A53-2053D4AFE7F5}" type="presParOf" srcId="{A196E89B-5D7E-4F2E-8075-705854EE8BE8}" destId="{15FB236D-E1BE-4EC9-A05F-B375B9CF87EC}" srcOrd="0" destOrd="0" presId="urn:microsoft.com/office/officeart/2005/8/layout/hProcess11"/>
    <dgm:cxn modelId="{552AE63B-741E-4205-B7D3-1F0B459DE40F}" type="presParOf" srcId="{A196E89B-5D7E-4F2E-8075-705854EE8BE8}" destId="{F5926B8F-CC9F-4200-A7DF-20179466DFCB}" srcOrd="1" destOrd="0" presId="urn:microsoft.com/office/officeart/2005/8/layout/hProcess11"/>
    <dgm:cxn modelId="{C7A97B15-3E94-4D4A-9380-72DCA471F3CB}" type="presParOf" srcId="{A196E89B-5D7E-4F2E-8075-705854EE8BE8}" destId="{BA86696F-6501-414F-AFA9-54444C58D99A}" srcOrd="2" destOrd="0" presId="urn:microsoft.com/office/officeart/2005/8/layout/hProcess11"/>
    <dgm:cxn modelId="{C6C25941-6A98-4491-8906-20468D92D093}" type="presParOf" srcId="{9B8760C9-8A4E-4F75-8845-7F3663126F11}" destId="{EC04F10C-86BE-45D3-88AD-754003AB5E8A}" srcOrd="1" destOrd="0" presId="urn:microsoft.com/office/officeart/2005/8/layout/hProcess11"/>
    <dgm:cxn modelId="{6F26A7ED-886F-46BA-B179-61F3F7ED4A8F}" type="presParOf" srcId="{9B8760C9-8A4E-4F75-8845-7F3663126F11}" destId="{4683E3A5-CB92-41AA-BC03-C78A3A55A7E8}" srcOrd="2" destOrd="0" presId="urn:microsoft.com/office/officeart/2005/8/layout/hProcess11"/>
    <dgm:cxn modelId="{7313821D-13EF-458E-9B5B-626318FD6478}" type="presParOf" srcId="{4683E3A5-CB92-41AA-BC03-C78A3A55A7E8}" destId="{929F9AF8-E7FF-4D01-A2AB-24C22C141638}" srcOrd="0" destOrd="0" presId="urn:microsoft.com/office/officeart/2005/8/layout/hProcess11"/>
    <dgm:cxn modelId="{899B7F8B-27CE-4DCE-A99F-F14946CC2487}" type="presParOf" srcId="{4683E3A5-CB92-41AA-BC03-C78A3A55A7E8}" destId="{B5EDCF44-04E0-4E56-AA42-D420132518F3}" srcOrd="1" destOrd="0" presId="urn:microsoft.com/office/officeart/2005/8/layout/hProcess11"/>
    <dgm:cxn modelId="{4F2D0B95-91A1-4845-8F0A-EACB4487DABA}" type="presParOf" srcId="{4683E3A5-CB92-41AA-BC03-C78A3A55A7E8}" destId="{A519112D-3898-4D98-8F7A-43B94C094083}" srcOrd="2" destOrd="0" presId="urn:microsoft.com/office/officeart/2005/8/layout/hProcess11"/>
    <dgm:cxn modelId="{25660F77-C09E-4B4A-9EC8-9D8307D0D967}" type="presParOf" srcId="{9B8760C9-8A4E-4F75-8845-7F3663126F11}" destId="{BCE6CED8-7C52-4A58-974C-CCE0BAE443A6}" srcOrd="3" destOrd="0" presId="urn:microsoft.com/office/officeart/2005/8/layout/hProcess11"/>
    <dgm:cxn modelId="{69C968E0-851B-44A6-9BDD-227DBA729D5B}" type="presParOf" srcId="{9B8760C9-8A4E-4F75-8845-7F3663126F11}" destId="{02FC5225-87D7-4786-962D-B4210CABFB4C}" srcOrd="4" destOrd="0" presId="urn:microsoft.com/office/officeart/2005/8/layout/hProcess11"/>
    <dgm:cxn modelId="{FE285F88-7E28-4DD7-8498-6D3CBC974253}" type="presParOf" srcId="{02FC5225-87D7-4786-962D-B4210CABFB4C}" destId="{A72B06AB-F6F9-486C-AB16-62B064A5F9BF}" srcOrd="0" destOrd="0" presId="urn:microsoft.com/office/officeart/2005/8/layout/hProcess11"/>
    <dgm:cxn modelId="{77AEBF28-C72C-4A63-A4C6-066CCFBC0E00}" type="presParOf" srcId="{02FC5225-87D7-4786-962D-B4210CABFB4C}" destId="{F9F65DA9-738F-4520-BE69-925B26667A38}" srcOrd="1" destOrd="0" presId="urn:microsoft.com/office/officeart/2005/8/layout/hProcess11"/>
    <dgm:cxn modelId="{84F81204-0653-4189-96A5-C62C621C55BD}" type="presParOf" srcId="{02FC5225-87D7-4786-962D-B4210CABFB4C}" destId="{68493B3B-AF06-4E54-9B4E-A63C7D6631F6}" srcOrd="2" destOrd="0" presId="urn:microsoft.com/office/officeart/2005/8/layout/hProcess1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EBFAAD4-7B9B-489A-AD80-127EB4AAC139}" type="doc">
      <dgm:prSet loTypeId="urn:microsoft.com/office/officeart/2005/8/layout/StepDownProcess" loCatId="process" qsTypeId="urn:microsoft.com/office/officeart/2005/8/quickstyle/simple1" qsCatId="simple" csTypeId="urn:microsoft.com/office/officeart/2005/8/colors/colorful1" csCatId="colorful" phldr="1"/>
      <dgm:spPr/>
      <dgm:t>
        <a:bodyPr/>
        <a:lstStyle/>
        <a:p>
          <a:endParaRPr lang="en-SG"/>
        </a:p>
      </dgm:t>
    </dgm:pt>
    <dgm:pt modelId="{F30982F6-E268-4E95-A489-45B38A4F5F06}">
      <dgm:prSet phldrT="[Text]"/>
      <dgm:spPr/>
      <dgm:t>
        <a:bodyPr/>
        <a:lstStyle/>
        <a:p>
          <a:r>
            <a:rPr lang="en-SG" dirty="0"/>
            <a:t>304 </a:t>
          </a:r>
        </a:p>
        <a:p>
          <a:r>
            <a:rPr lang="en-SG" dirty="0"/>
            <a:t>pre-screened</a:t>
          </a:r>
        </a:p>
      </dgm:t>
    </dgm:pt>
    <dgm:pt modelId="{5063E7F0-5744-44FE-8DD2-50FC1D8A0481}" type="parTrans" cxnId="{A2578AF9-719D-4864-98A0-7975903259C4}">
      <dgm:prSet/>
      <dgm:spPr/>
      <dgm:t>
        <a:bodyPr/>
        <a:lstStyle/>
        <a:p>
          <a:endParaRPr lang="en-SG"/>
        </a:p>
      </dgm:t>
    </dgm:pt>
    <dgm:pt modelId="{C94429D2-DD8D-4E1E-8236-B7EEA0226149}" type="sibTrans" cxnId="{A2578AF9-719D-4864-98A0-7975903259C4}">
      <dgm:prSet/>
      <dgm:spPr/>
      <dgm:t>
        <a:bodyPr/>
        <a:lstStyle/>
        <a:p>
          <a:endParaRPr lang="en-SG"/>
        </a:p>
      </dgm:t>
    </dgm:pt>
    <dgm:pt modelId="{6FA68088-83E8-4CE2-A8D7-4414AE7DA0E7}">
      <dgm:prSet phldrT="[Text]"/>
      <dgm:spPr/>
      <dgm:t>
        <a:bodyPr/>
        <a:lstStyle/>
        <a:p>
          <a:r>
            <a:rPr lang="en-SG" dirty="0"/>
            <a:t>172 screened </a:t>
          </a:r>
        </a:p>
      </dgm:t>
    </dgm:pt>
    <dgm:pt modelId="{5640BD84-7D14-4A6D-AA9E-F21EC9D7F89B}" type="parTrans" cxnId="{874B2695-4FC7-483D-A728-B57950986EF2}">
      <dgm:prSet/>
      <dgm:spPr/>
      <dgm:t>
        <a:bodyPr/>
        <a:lstStyle/>
        <a:p>
          <a:endParaRPr lang="en-SG"/>
        </a:p>
      </dgm:t>
    </dgm:pt>
    <dgm:pt modelId="{ED4804CB-A071-4A3A-8F6C-93A574312329}" type="sibTrans" cxnId="{874B2695-4FC7-483D-A728-B57950986EF2}">
      <dgm:prSet/>
      <dgm:spPr/>
      <dgm:t>
        <a:bodyPr/>
        <a:lstStyle/>
        <a:p>
          <a:endParaRPr lang="en-SG"/>
        </a:p>
      </dgm:t>
    </dgm:pt>
    <dgm:pt modelId="{F7B45CA7-FCA2-4D4A-9B0C-11A6CF7DB700}">
      <dgm:prSet phldrT="[Text]"/>
      <dgm:spPr/>
      <dgm:t>
        <a:bodyPr/>
        <a:lstStyle/>
        <a:p>
          <a:r>
            <a:rPr lang="en-SG" dirty="0"/>
            <a:t>137 enrolled</a:t>
          </a:r>
        </a:p>
      </dgm:t>
    </dgm:pt>
    <dgm:pt modelId="{B043AEA4-ACD4-46C2-A952-3A5782F515D5}" type="parTrans" cxnId="{EC13404F-865F-40F9-B38B-62D325E8435F}">
      <dgm:prSet/>
      <dgm:spPr/>
      <dgm:t>
        <a:bodyPr/>
        <a:lstStyle/>
        <a:p>
          <a:endParaRPr lang="en-SG"/>
        </a:p>
      </dgm:t>
    </dgm:pt>
    <dgm:pt modelId="{0EC6F9E7-282F-45E6-8863-929F35D6114D}" type="sibTrans" cxnId="{EC13404F-865F-40F9-B38B-62D325E8435F}">
      <dgm:prSet/>
      <dgm:spPr/>
      <dgm:t>
        <a:bodyPr/>
        <a:lstStyle/>
        <a:p>
          <a:endParaRPr lang="en-SG"/>
        </a:p>
      </dgm:t>
    </dgm:pt>
    <dgm:pt modelId="{0326086A-7CD6-412B-A243-9D04A4B893EF}" type="pres">
      <dgm:prSet presAssocID="{EEBFAAD4-7B9B-489A-AD80-127EB4AAC139}" presName="rootnode" presStyleCnt="0">
        <dgm:presLayoutVars>
          <dgm:chMax/>
          <dgm:chPref/>
          <dgm:dir/>
          <dgm:animLvl val="lvl"/>
        </dgm:presLayoutVars>
      </dgm:prSet>
      <dgm:spPr/>
    </dgm:pt>
    <dgm:pt modelId="{99D773EF-4F92-4D3E-8A8A-39F1825F6366}" type="pres">
      <dgm:prSet presAssocID="{F30982F6-E268-4E95-A489-45B38A4F5F06}" presName="composite" presStyleCnt="0"/>
      <dgm:spPr/>
    </dgm:pt>
    <dgm:pt modelId="{D0F1F070-D89A-45CF-9A9F-686B0CDE2A64}" type="pres">
      <dgm:prSet presAssocID="{F30982F6-E268-4E95-A489-45B38A4F5F06}" presName="bentUpArrow1" presStyleLbl="alignImgPlace1" presStyleIdx="0" presStyleCnt="2"/>
      <dgm:spPr/>
    </dgm:pt>
    <dgm:pt modelId="{6791466C-3075-49A2-B5D4-7513AD92FEEF}" type="pres">
      <dgm:prSet presAssocID="{F30982F6-E268-4E95-A489-45B38A4F5F06}" presName="ParentText" presStyleLbl="node1" presStyleIdx="0" presStyleCnt="3">
        <dgm:presLayoutVars>
          <dgm:chMax val="1"/>
          <dgm:chPref val="1"/>
          <dgm:bulletEnabled val="1"/>
        </dgm:presLayoutVars>
      </dgm:prSet>
      <dgm:spPr/>
    </dgm:pt>
    <dgm:pt modelId="{8FC9DC75-3E69-4981-9301-6E224D3F368F}" type="pres">
      <dgm:prSet presAssocID="{F30982F6-E268-4E95-A489-45B38A4F5F06}" presName="ChildText" presStyleLbl="revTx" presStyleIdx="0" presStyleCnt="2">
        <dgm:presLayoutVars>
          <dgm:chMax val="0"/>
          <dgm:chPref val="0"/>
          <dgm:bulletEnabled val="1"/>
        </dgm:presLayoutVars>
      </dgm:prSet>
      <dgm:spPr/>
    </dgm:pt>
    <dgm:pt modelId="{4F3EE3A7-1976-4259-AAC5-707C3A981F70}" type="pres">
      <dgm:prSet presAssocID="{C94429D2-DD8D-4E1E-8236-B7EEA0226149}" presName="sibTrans" presStyleCnt="0"/>
      <dgm:spPr/>
    </dgm:pt>
    <dgm:pt modelId="{683BDEAF-940B-4582-806A-F2B9A4240164}" type="pres">
      <dgm:prSet presAssocID="{6FA68088-83E8-4CE2-A8D7-4414AE7DA0E7}" presName="composite" presStyleCnt="0"/>
      <dgm:spPr/>
    </dgm:pt>
    <dgm:pt modelId="{9FB64C6B-AE34-4A98-B16D-24C87D9D7750}" type="pres">
      <dgm:prSet presAssocID="{6FA68088-83E8-4CE2-A8D7-4414AE7DA0E7}" presName="bentUpArrow1" presStyleLbl="alignImgPlace1" presStyleIdx="1" presStyleCnt="2"/>
      <dgm:spPr/>
    </dgm:pt>
    <dgm:pt modelId="{378EB0B5-6A58-4F23-80CD-633C742DF41F}" type="pres">
      <dgm:prSet presAssocID="{6FA68088-83E8-4CE2-A8D7-4414AE7DA0E7}" presName="ParentText" presStyleLbl="node1" presStyleIdx="1" presStyleCnt="3">
        <dgm:presLayoutVars>
          <dgm:chMax val="1"/>
          <dgm:chPref val="1"/>
          <dgm:bulletEnabled val="1"/>
        </dgm:presLayoutVars>
      </dgm:prSet>
      <dgm:spPr/>
    </dgm:pt>
    <dgm:pt modelId="{D7A58B5C-C18E-438C-B6C0-6248F292466E}" type="pres">
      <dgm:prSet presAssocID="{6FA68088-83E8-4CE2-A8D7-4414AE7DA0E7}" presName="ChildText" presStyleLbl="revTx" presStyleIdx="1" presStyleCnt="2">
        <dgm:presLayoutVars>
          <dgm:chMax val="0"/>
          <dgm:chPref val="0"/>
          <dgm:bulletEnabled val="1"/>
        </dgm:presLayoutVars>
      </dgm:prSet>
      <dgm:spPr/>
    </dgm:pt>
    <dgm:pt modelId="{8DA8F9CC-E86F-4016-A822-C0701B1D022B}" type="pres">
      <dgm:prSet presAssocID="{ED4804CB-A071-4A3A-8F6C-93A574312329}" presName="sibTrans" presStyleCnt="0"/>
      <dgm:spPr/>
    </dgm:pt>
    <dgm:pt modelId="{9C335C8C-668A-46E6-A604-E61051C0A45F}" type="pres">
      <dgm:prSet presAssocID="{F7B45CA7-FCA2-4D4A-9B0C-11A6CF7DB700}" presName="composite" presStyleCnt="0"/>
      <dgm:spPr/>
    </dgm:pt>
    <dgm:pt modelId="{C785C0DD-E2B8-4641-93AD-5929DA042E66}" type="pres">
      <dgm:prSet presAssocID="{F7B45CA7-FCA2-4D4A-9B0C-11A6CF7DB700}" presName="ParentText" presStyleLbl="node1" presStyleIdx="2" presStyleCnt="3">
        <dgm:presLayoutVars>
          <dgm:chMax val="1"/>
          <dgm:chPref val="1"/>
          <dgm:bulletEnabled val="1"/>
        </dgm:presLayoutVars>
      </dgm:prSet>
      <dgm:spPr/>
    </dgm:pt>
  </dgm:ptLst>
  <dgm:cxnLst>
    <dgm:cxn modelId="{EC13404F-865F-40F9-B38B-62D325E8435F}" srcId="{EEBFAAD4-7B9B-489A-AD80-127EB4AAC139}" destId="{F7B45CA7-FCA2-4D4A-9B0C-11A6CF7DB700}" srcOrd="2" destOrd="0" parTransId="{B043AEA4-ACD4-46C2-A952-3A5782F515D5}" sibTransId="{0EC6F9E7-282F-45E6-8863-929F35D6114D}"/>
    <dgm:cxn modelId="{A3B4F590-7A38-4ADE-9AB2-2EADF51769CC}" type="presOf" srcId="{F30982F6-E268-4E95-A489-45B38A4F5F06}" destId="{6791466C-3075-49A2-B5D4-7513AD92FEEF}" srcOrd="0" destOrd="0" presId="urn:microsoft.com/office/officeart/2005/8/layout/StepDownProcess"/>
    <dgm:cxn modelId="{874B2695-4FC7-483D-A728-B57950986EF2}" srcId="{EEBFAAD4-7B9B-489A-AD80-127EB4AAC139}" destId="{6FA68088-83E8-4CE2-A8D7-4414AE7DA0E7}" srcOrd="1" destOrd="0" parTransId="{5640BD84-7D14-4A6D-AA9E-F21EC9D7F89B}" sibTransId="{ED4804CB-A071-4A3A-8F6C-93A574312329}"/>
    <dgm:cxn modelId="{4EC5749D-CD7E-463A-B209-D076B42FDCE9}" type="presOf" srcId="{F7B45CA7-FCA2-4D4A-9B0C-11A6CF7DB700}" destId="{C785C0DD-E2B8-4641-93AD-5929DA042E66}" srcOrd="0" destOrd="0" presId="urn:microsoft.com/office/officeart/2005/8/layout/StepDownProcess"/>
    <dgm:cxn modelId="{5320E6BB-27A0-4AC6-9456-D252DB38BA17}" type="presOf" srcId="{EEBFAAD4-7B9B-489A-AD80-127EB4AAC139}" destId="{0326086A-7CD6-412B-A243-9D04A4B893EF}" srcOrd="0" destOrd="0" presId="urn:microsoft.com/office/officeart/2005/8/layout/StepDownProcess"/>
    <dgm:cxn modelId="{7B5E97C6-B239-49D5-AC0A-F94FA2E4C655}" type="presOf" srcId="{6FA68088-83E8-4CE2-A8D7-4414AE7DA0E7}" destId="{378EB0B5-6A58-4F23-80CD-633C742DF41F}" srcOrd="0" destOrd="0" presId="urn:microsoft.com/office/officeart/2005/8/layout/StepDownProcess"/>
    <dgm:cxn modelId="{A2578AF9-719D-4864-98A0-7975903259C4}" srcId="{EEBFAAD4-7B9B-489A-AD80-127EB4AAC139}" destId="{F30982F6-E268-4E95-A489-45B38A4F5F06}" srcOrd="0" destOrd="0" parTransId="{5063E7F0-5744-44FE-8DD2-50FC1D8A0481}" sibTransId="{C94429D2-DD8D-4E1E-8236-B7EEA0226149}"/>
    <dgm:cxn modelId="{478C209B-5F89-47A9-8D3A-EED46E6C1248}" type="presParOf" srcId="{0326086A-7CD6-412B-A243-9D04A4B893EF}" destId="{99D773EF-4F92-4D3E-8A8A-39F1825F6366}" srcOrd="0" destOrd="0" presId="urn:microsoft.com/office/officeart/2005/8/layout/StepDownProcess"/>
    <dgm:cxn modelId="{74FFAAD5-ABE3-4213-8D28-981D980DA237}" type="presParOf" srcId="{99D773EF-4F92-4D3E-8A8A-39F1825F6366}" destId="{D0F1F070-D89A-45CF-9A9F-686B0CDE2A64}" srcOrd="0" destOrd="0" presId="urn:microsoft.com/office/officeart/2005/8/layout/StepDownProcess"/>
    <dgm:cxn modelId="{D0E64482-73CE-46A6-8E93-2E60588DE8D2}" type="presParOf" srcId="{99D773EF-4F92-4D3E-8A8A-39F1825F6366}" destId="{6791466C-3075-49A2-B5D4-7513AD92FEEF}" srcOrd="1" destOrd="0" presId="urn:microsoft.com/office/officeart/2005/8/layout/StepDownProcess"/>
    <dgm:cxn modelId="{39F44B80-B282-4968-94F0-31FBEDB0402F}" type="presParOf" srcId="{99D773EF-4F92-4D3E-8A8A-39F1825F6366}" destId="{8FC9DC75-3E69-4981-9301-6E224D3F368F}" srcOrd="2" destOrd="0" presId="urn:microsoft.com/office/officeart/2005/8/layout/StepDownProcess"/>
    <dgm:cxn modelId="{961C79A5-7107-4D71-B0EE-1D57C04F05A7}" type="presParOf" srcId="{0326086A-7CD6-412B-A243-9D04A4B893EF}" destId="{4F3EE3A7-1976-4259-AAC5-707C3A981F70}" srcOrd="1" destOrd="0" presId="urn:microsoft.com/office/officeart/2005/8/layout/StepDownProcess"/>
    <dgm:cxn modelId="{7B71E59E-EAC5-43DB-8A4D-831283D3FF5F}" type="presParOf" srcId="{0326086A-7CD6-412B-A243-9D04A4B893EF}" destId="{683BDEAF-940B-4582-806A-F2B9A4240164}" srcOrd="2" destOrd="0" presId="urn:microsoft.com/office/officeart/2005/8/layout/StepDownProcess"/>
    <dgm:cxn modelId="{BA2B9630-7D59-4D4D-8F5C-F8A642485759}" type="presParOf" srcId="{683BDEAF-940B-4582-806A-F2B9A4240164}" destId="{9FB64C6B-AE34-4A98-B16D-24C87D9D7750}" srcOrd="0" destOrd="0" presId="urn:microsoft.com/office/officeart/2005/8/layout/StepDownProcess"/>
    <dgm:cxn modelId="{FDCA3CC2-EB54-4A05-AE9A-826FC32D20C9}" type="presParOf" srcId="{683BDEAF-940B-4582-806A-F2B9A4240164}" destId="{378EB0B5-6A58-4F23-80CD-633C742DF41F}" srcOrd="1" destOrd="0" presId="urn:microsoft.com/office/officeart/2005/8/layout/StepDownProcess"/>
    <dgm:cxn modelId="{17CC92BF-6390-487B-B392-09BFBD6EB37F}" type="presParOf" srcId="{683BDEAF-940B-4582-806A-F2B9A4240164}" destId="{D7A58B5C-C18E-438C-B6C0-6248F292466E}" srcOrd="2" destOrd="0" presId="urn:microsoft.com/office/officeart/2005/8/layout/StepDownProcess"/>
    <dgm:cxn modelId="{00F529B0-B324-4045-B233-EC8785E27CA9}" type="presParOf" srcId="{0326086A-7CD6-412B-A243-9D04A4B893EF}" destId="{8DA8F9CC-E86F-4016-A822-C0701B1D022B}" srcOrd="3" destOrd="0" presId="urn:microsoft.com/office/officeart/2005/8/layout/StepDownProcess"/>
    <dgm:cxn modelId="{A0C5AAFA-E4E2-4148-B646-211CBE3AF95A}" type="presParOf" srcId="{0326086A-7CD6-412B-A243-9D04A4B893EF}" destId="{9C335C8C-668A-46E6-A604-E61051C0A45F}" srcOrd="4" destOrd="0" presId="urn:microsoft.com/office/officeart/2005/8/layout/StepDownProcess"/>
    <dgm:cxn modelId="{FDAEC984-F45D-4EF4-AA2F-0859169D4C06}" type="presParOf" srcId="{9C335C8C-668A-46E6-A604-E61051C0A45F}" destId="{C785C0DD-E2B8-4641-93AD-5929DA042E66}" srcOrd="0" destOrd="0" presId="urn:microsoft.com/office/officeart/2005/8/layout/StepDownProcess"/>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D19E895-A57F-46F9-8396-223BD57B2994}">
      <dsp:nvSpPr>
        <dsp:cNvPr id="0" name=""/>
        <dsp:cNvSpPr/>
      </dsp:nvSpPr>
      <dsp:spPr>
        <a:xfrm rot="10800000">
          <a:off x="0" y="0"/>
          <a:ext cx="7886700" cy="725223"/>
        </a:xfrm>
        <a:prstGeom prst="trapezoid">
          <a:avLst>
            <a:gd name="adj" fmla="val 90624"/>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dirty="0"/>
            <a:t>What outcome measure: Clinical, microbiological, other?</a:t>
          </a:r>
        </a:p>
      </dsp:txBody>
      <dsp:txXfrm rot="-10800000">
        <a:off x="1380172" y="0"/>
        <a:ext cx="5126355" cy="725223"/>
      </dsp:txXfrm>
    </dsp:sp>
    <dsp:sp modelId="{91766337-B83B-4D65-92B9-0270E28AEF61}">
      <dsp:nvSpPr>
        <dsp:cNvPr id="0" name=""/>
        <dsp:cNvSpPr/>
      </dsp:nvSpPr>
      <dsp:spPr>
        <a:xfrm rot="10800000">
          <a:off x="657224" y="725223"/>
          <a:ext cx="6572250" cy="725223"/>
        </a:xfrm>
        <a:prstGeom prst="trapezoid">
          <a:avLst>
            <a:gd name="adj" fmla="val 90624"/>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a:t>Placebo </a:t>
          </a:r>
          <a:r>
            <a:rPr lang="en-SG" sz="1800" kern="1200" dirty="0"/>
            <a:t>controlled, Double blind RCT? </a:t>
          </a:r>
        </a:p>
      </dsp:txBody>
      <dsp:txXfrm rot="-10800000">
        <a:off x="1807368" y="725223"/>
        <a:ext cx="4271962" cy="725223"/>
      </dsp:txXfrm>
    </dsp:sp>
    <dsp:sp modelId="{1CE295F8-099E-4537-855B-0799AAC9E145}">
      <dsp:nvSpPr>
        <dsp:cNvPr id="0" name=""/>
        <dsp:cNvSpPr/>
      </dsp:nvSpPr>
      <dsp:spPr>
        <a:xfrm rot="10800000">
          <a:off x="1314450" y="1450446"/>
          <a:ext cx="5257799" cy="725223"/>
        </a:xfrm>
        <a:prstGeom prst="trapezoid">
          <a:avLst>
            <a:gd name="adj" fmla="val 90624"/>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dirty="0"/>
            <a:t>Duration of therapy?</a:t>
          </a:r>
        </a:p>
      </dsp:txBody>
      <dsp:txXfrm rot="-10800000">
        <a:off x="2234564" y="1450446"/>
        <a:ext cx="3417570" cy="725223"/>
      </dsp:txXfrm>
    </dsp:sp>
    <dsp:sp modelId="{2E66BA6E-5FD8-4E8A-B7AC-533255252C50}">
      <dsp:nvSpPr>
        <dsp:cNvPr id="0" name=""/>
        <dsp:cNvSpPr/>
      </dsp:nvSpPr>
      <dsp:spPr>
        <a:xfrm rot="10800000">
          <a:off x="1971674" y="2175669"/>
          <a:ext cx="3943350" cy="725223"/>
        </a:xfrm>
        <a:prstGeom prst="trapezoid">
          <a:avLst>
            <a:gd name="adj" fmla="val 90624"/>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dirty="0"/>
            <a:t>What dose?</a:t>
          </a:r>
        </a:p>
      </dsp:txBody>
      <dsp:txXfrm rot="-10800000">
        <a:off x="2661761" y="2175669"/>
        <a:ext cx="2563177" cy="725223"/>
      </dsp:txXfrm>
    </dsp:sp>
    <dsp:sp modelId="{800F8ABB-24EF-4B5F-8946-1DD9A7A7ECDA}">
      <dsp:nvSpPr>
        <dsp:cNvPr id="0" name=""/>
        <dsp:cNvSpPr/>
      </dsp:nvSpPr>
      <dsp:spPr>
        <a:xfrm rot="10800000">
          <a:off x="2628900" y="2900892"/>
          <a:ext cx="2628899" cy="725223"/>
        </a:xfrm>
        <a:prstGeom prst="trapezoid">
          <a:avLst>
            <a:gd name="adj" fmla="val 90624"/>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dirty="0"/>
            <a:t>Which Statin?</a:t>
          </a:r>
        </a:p>
      </dsp:txBody>
      <dsp:txXfrm rot="-10800000">
        <a:off x="3088957" y="2900892"/>
        <a:ext cx="1708785" cy="725223"/>
      </dsp:txXfrm>
    </dsp:sp>
    <dsp:sp modelId="{882FBD5F-7B76-4D87-9B7B-0BDFD2732E10}">
      <dsp:nvSpPr>
        <dsp:cNvPr id="0" name=""/>
        <dsp:cNvSpPr/>
      </dsp:nvSpPr>
      <dsp:spPr>
        <a:xfrm rot="10800000">
          <a:off x="2676522" y="3626115"/>
          <a:ext cx="2533654" cy="725223"/>
        </a:xfrm>
        <a:prstGeom prst="trapezoid">
          <a:avLst>
            <a:gd name="adj" fmla="val 90624"/>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marL="0" lvl="0" indent="0" algn="ctr" defTabSz="800100">
            <a:lnSpc>
              <a:spcPct val="90000"/>
            </a:lnSpc>
            <a:spcBef>
              <a:spcPct val="0"/>
            </a:spcBef>
            <a:spcAft>
              <a:spcPct val="35000"/>
            </a:spcAft>
            <a:buNone/>
          </a:pPr>
          <a:r>
            <a:rPr lang="en-SG" sz="1800" kern="1200" dirty="0"/>
            <a:t>What drug as HDT?</a:t>
          </a:r>
        </a:p>
      </dsp:txBody>
      <dsp:txXfrm rot="-10800000">
        <a:off x="2676522" y="3626115"/>
        <a:ext cx="2533654" cy="72522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41CB831-FAAA-4BDF-8EB5-6558271B1E12}">
      <dsp:nvSpPr>
        <dsp:cNvPr id="0" name=""/>
        <dsp:cNvSpPr/>
      </dsp:nvSpPr>
      <dsp:spPr>
        <a:xfrm>
          <a:off x="0" y="1219199"/>
          <a:ext cx="7226968" cy="1625600"/>
        </a:xfrm>
        <a:prstGeom prst="notchedRightArrow">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15FB236D-E1BE-4EC9-A05F-B375B9CF87EC}">
      <dsp:nvSpPr>
        <dsp:cNvPr id="0" name=""/>
        <dsp:cNvSpPr/>
      </dsp:nvSpPr>
      <dsp:spPr>
        <a:xfrm>
          <a:off x="3175" y="0"/>
          <a:ext cx="2096103" cy="16256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142240" rIns="142240" bIns="142240" numCol="1" spcCol="1270" anchor="b" anchorCtr="0">
          <a:noAutofit/>
        </a:bodyPr>
        <a:lstStyle/>
        <a:p>
          <a:pPr marL="0" lvl="0" indent="0" algn="ctr" defTabSz="889000">
            <a:lnSpc>
              <a:spcPct val="90000"/>
            </a:lnSpc>
            <a:spcBef>
              <a:spcPct val="0"/>
            </a:spcBef>
            <a:spcAft>
              <a:spcPct val="35000"/>
            </a:spcAft>
            <a:buNone/>
          </a:pPr>
          <a:r>
            <a:rPr lang="en-SG" sz="2000" kern="1200" dirty="0"/>
            <a:t>8 Weeks</a:t>
          </a:r>
        </a:p>
        <a:p>
          <a:pPr marL="0" lvl="0" indent="0" algn="l" defTabSz="889000">
            <a:lnSpc>
              <a:spcPct val="90000"/>
            </a:lnSpc>
            <a:spcBef>
              <a:spcPct val="0"/>
            </a:spcBef>
            <a:spcAft>
              <a:spcPct val="35000"/>
            </a:spcAft>
            <a:buNone/>
          </a:pPr>
          <a:r>
            <a:rPr lang="en-SG" sz="1400" kern="1200" dirty="0"/>
            <a:t>Most culture convert by 8 week. </a:t>
          </a:r>
        </a:p>
        <a:p>
          <a:pPr marL="0" lvl="0" indent="0" algn="l" defTabSz="889000">
            <a:lnSpc>
              <a:spcPct val="90000"/>
            </a:lnSpc>
            <a:spcBef>
              <a:spcPct val="0"/>
            </a:spcBef>
            <a:spcAft>
              <a:spcPct val="35000"/>
            </a:spcAft>
            <a:buNone/>
          </a:pPr>
          <a:r>
            <a:rPr lang="en-SG" sz="1400" kern="1200" dirty="0"/>
            <a:t>Aiming for 2 month regimen in the future</a:t>
          </a:r>
        </a:p>
        <a:p>
          <a:pPr marL="0" lvl="0" indent="0" algn="l" defTabSz="889000">
            <a:lnSpc>
              <a:spcPct val="90000"/>
            </a:lnSpc>
            <a:spcBef>
              <a:spcPct val="0"/>
            </a:spcBef>
            <a:spcAft>
              <a:spcPct val="35000"/>
            </a:spcAft>
            <a:buNone/>
          </a:pPr>
          <a:r>
            <a:rPr lang="en-SG" sz="1400" kern="1200" dirty="0"/>
            <a:t>Greater risk of toxicity with longer use of statins</a:t>
          </a:r>
        </a:p>
      </dsp:txBody>
      <dsp:txXfrm>
        <a:off x="3175" y="0"/>
        <a:ext cx="2096103" cy="1625600"/>
      </dsp:txXfrm>
    </dsp:sp>
    <dsp:sp modelId="{F5926B8F-CC9F-4200-A7DF-20179466DFCB}">
      <dsp:nvSpPr>
        <dsp:cNvPr id="0" name=""/>
        <dsp:cNvSpPr/>
      </dsp:nvSpPr>
      <dsp:spPr>
        <a:xfrm>
          <a:off x="848027" y="1828800"/>
          <a:ext cx="406400" cy="406400"/>
        </a:xfrm>
        <a:prstGeom prst="ellipse">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29F9AF8-E7FF-4D01-A2AB-24C22C141638}">
      <dsp:nvSpPr>
        <dsp:cNvPr id="0" name=""/>
        <dsp:cNvSpPr/>
      </dsp:nvSpPr>
      <dsp:spPr>
        <a:xfrm>
          <a:off x="2204084" y="2438399"/>
          <a:ext cx="2096103" cy="16256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142240" rIns="142240" bIns="142240" numCol="1" spcCol="1270" anchor="t" anchorCtr="0">
          <a:noAutofit/>
        </a:bodyPr>
        <a:lstStyle/>
        <a:p>
          <a:pPr marL="0" lvl="0" indent="0" algn="ctr" defTabSz="889000">
            <a:lnSpc>
              <a:spcPct val="90000"/>
            </a:lnSpc>
            <a:spcBef>
              <a:spcPct val="0"/>
            </a:spcBef>
            <a:spcAft>
              <a:spcPct val="35000"/>
            </a:spcAft>
            <a:buNone/>
          </a:pPr>
          <a:r>
            <a:rPr lang="en-SG" sz="2000" kern="1200" dirty="0"/>
            <a:t>12 weeks</a:t>
          </a:r>
        </a:p>
        <a:p>
          <a:pPr marL="0" lvl="0" indent="0" algn="l" defTabSz="889000">
            <a:lnSpc>
              <a:spcPct val="90000"/>
            </a:lnSpc>
            <a:spcBef>
              <a:spcPct val="0"/>
            </a:spcBef>
            <a:spcAft>
              <a:spcPct val="35000"/>
            </a:spcAft>
            <a:buNone/>
          </a:pPr>
          <a:r>
            <a:rPr lang="en-SG" sz="1400" kern="1200" dirty="0"/>
            <a:t>Greater chance of seeing an effect</a:t>
          </a:r>
        </a:p>
        <a:p>
          <a:pPr marL="0" lvl="0" indent="0" algn="l" defTabSz="889000">
            <a:lnSpc>
              <a:spcPct val="90000"/>
            </a:lnSpc>
            <a:spcBef>
              <a:spcPct val="0"/>
            </a:spcBef>
            <a:spcAft>
              <a:spcPct val="35000"/>
            </a:spcAft>
            <a:buNone/>
          </a:pPr>
          <a:r>
            <a:rPr lang="en-SG" sz="1400" kern="1200" dirty="0"/>
            <a:t>Greater precision around primary endpoint estimation</a:t>
          </a:r>
        </a:p>
      </dsp:txBody>
      <dsp:txXfrm>
        <a:off x="2204084" y="2438399"/>
        <a:ext cx="2096103" cy="1625600"/>
      </dsp:txXfrm>
    </dsp:sp>
    <dsp:sp modelId="{B5EDCF44-04E0-4E56-AA42-D420132518F3}">
      <dsp:nvSpPr>
        <dsp:cNvPr id="0" name=""/>
        <dsp:cNvSpPr/>
      </dsp:nvSpPr>
      <dsp:spPr>
        <a:xfrm>
          <a:off x="3048935" y="1828800"/>
          <a:ext cx="406400" cy="406400"/>
        </a:xfrm>
        <a:prstGeom prst="ellipse">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72B06AB-F6F9-486C-AB16-62B064A5F9BF}">
      <dsp:nvSpPr>
        <dsp:cNvPr id="0" name=""/>
        <dsp:cNvSpPr/>
      </dsp:nvSpPr>
      <dsp:spPr>
        <a:xfrm>
          <a:off x="4404992" y="0"/>
          <a:ext cx="2096103" cy="162560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142240" rIns="142240" bIns="142240" numCol="1" spcCol="1270" anchor="b" anchorCtr="0">
          <a:noAutofit/>
        </a:bodyPr>
        <a:lstStyle/>
        <a:p>
          <a:pPr marL="0" lvl="0" indent="0" algn="ctr" defTabSz="889000">
            <a:lnSpc>
              <a:spcPct val="90000"/>
            </a:lnSpc>
            <a:spcBef>
              <a:spcPct val="0"/>
            </a:spcBef>
            <a:spcAft>
              <a:spcPct val="35000"/>
            </a:spcAft>
            <a:buNone/>
          </a:pPr>
          <a:r>
            <a:rPr lang="en-SG" sz="2000" kern="1200" dirty="0"/>
            <a:t>24 weeks</a:t>
          </a:r>
        </a:p>
        <a:p>
          <a:pPr marL="0" lvl="0" indent="0" algn="ctr" defTabSz="889000">
            <a:lnSpc>
              <a:spcPct val="90000"/>
            </a:lnSpc>
            <a:spcBef>
              <a:spcPct val="0"/>
            </a:spcBef>
            <a:spcAft>
              <a:spcPct val="35000"/>
            </a:spcAft>
            <a:buNone/>
          </a:pPr>
          <a:r>
            <a:rPr lang="en-SG" sz="1400" kern="1200" dirty="0"/>
            <a:t>Would maximise effects</a:t>
          </a:r>
        </a:p>
        <a:p>
          <a:pPr marL="0" lvl="0" indent="0" algn="ctr" defTabSz="889000">
            <a:lnSpc>
              <a:spcPct val="90000"/>
            </a:lnSpc>
            <a:spcBef>
              <a:spcPct val="0"/>
            </a:spcBef>
            <a:spcAft>
              <a:spcPct val="35000"/>
            </a:spcAft>
            <a:buNone/>
          </a:pPr>
          <a:r>
            <a:rPr lang="en-SG" sz="1400" kern="1200" dirty="0"/>
            <a:t>Issues with monitoring adherence, toxicity</a:t>
          </a:r>
        </a:p>
        <a:p>
          <a:pPr marL="0" lvl="0" indent="0" algn="ctr" defTabSz="889000">
            <a:lnSpc>
              <a:spcPct val="90000"/>
            </a:lnSpc>
            <a:spcBef>
              <a:spcPct val="0"/>
            </a:spcBef>
            <a:spcAft>
              <a:spcPct val="35000"/>
            </a:spcAft>
            <a:buNone/>
          </a:pPr>
          <a:r>
            <a:rPr lang="en-SG" sz="1400" kern="1200" dirty="0"/>
            <a:t>Mostly interested in effect on culture conversion vs. reducing lung inflammation</a:t>
          </a:r>
        </a:p>
      </dsp:txBody>
      <dsp:txXfrm>
        <a:off x="4404992" y="0"/>
        <a:ext cx="2096103" cy="1625600"/>
      </dsp:txXfrm>
    </dsp:sp>
    <dsp:sp modelId="{F9F65DA9-738F-4520-BE69-925B26667A38}">
      <dsp:nvSpPr>
        <dsp:cNvPr id="0" name=""/>
        <dsp:cNvSpPr/>
      </dsp:nvSpPr>
      <dsp:spPr>
        <a:xfrm>
          <a:off x="5249843" y="1828800"/>
          <a:ext cx="406400" cy="406400"/>
        </a:xfrm>
        <a:prstGeom prst="ellipse">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F1F070-D89A-45CF-9A9F-686B0CDE2A64}">
      <dsp:nvSpPr>
        <dsp:cNvPr id="0" name=""/>
        <dsp:cNvSpPr/>
      </dsp:nvSpPr>
      <dsp:spPr>
        <a:xfrm rot="5400000">
          <a:off x="1187370" y="676330"/>
          <a:ext cx="598156" cy="680979"/>
        </a:xfrm>
        <a:prstGeom prst="bentUpArrow">
          <a:avLst>
            <a:gd name="adj1" fmla="val 32840"/>
            <a:gd name="adj2" fmla="val 25000"/>
            <a:gd name="adj3" fmla="val 35780"/>
          </a:avLst>
        </a:prstGeom>
        <a:solidFill>
          <a:schemeClr val="accent1">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6791466C-3075-49A2-B5D4-7513AD92FEEF}">
      <dsp:nvSpPr>
        <dsp:cNvPr id="0" name=""/>
        <dsp:cNvSpPr/>
      </dsp:nvSpPr>
      <dsp:spPr>
        <a:xfrm>
          <a:off x="1028895" y="13262"/>
          <a:ext cx="1006942" cy="704827"/>
        </a:xfrm>
        <a:prstGeom prst="roundRect">
          <a:avLst>
            <a:gd name="adj" fmla="val 1667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SG" sz="1200" kern="1200" dirty="0"/>
            <a:t>304 </a:t>
          </a:r>
        </a:p>
        <a:p>
          <a:pPr marL="0" lvl="0" indent="0" algn="ctr" defTabSz="533400">
            <a:lnSpc>
              <a:spcPct val="90000"/>
            </a:lnSpc>
            <a:spcBef>
              <a:spcPct val="0"/>
            </a:spcBef>
            <a:spcAft>
              <a:spcPct val="35000"/>
            </a:spcAft>
            <a:buNone/>
          </a:pPr>
          <a:r>
            <a:rPr lang="en-SG" sz="1200" kern="1200" dirty="0"/>
            <a:t>pre-screened</a:t>
          </a:r>
        </a:p>
      </dsp:txBody>
      <dsp:txXfrm>
        <a:off x="1063308" y="47675"/>
        <a:ext cx="938116" cy="636001"/>
      </dsp:txXfrm>
    </dsp:sp>
    <dsp:sp modelId="{8FC9DC75-3E69-4981-9301-6E224D3F368F}">
      <dsp:nvSpPr>
        <dsp:cNvPr id="0" name=""/>
        <dsp:cNvSpPr/>
      </dsp:nvSpPr>
      <dsp:spPr>
        <a:xfrm>
          <a:off x="2035838" y="80483"/>
          <a:ext cx="732354" cy="569672"/>
        </a:xfrm>
        <a:prstGeom prst="rect">
          <a:avLst/>
        </a:prstGeom>
        <a:noFill/>
        <a:ln>
          <a:noFill/>
        </a:ln>
        <a:effectLst/>
      </dsp:spPr>
      <dsp:style>
        <a:lnRef idx="0">
          <a:scrgbClr r="0" g="0" b="0"/>
        </a:lnRef>
        <a:fillRef idx="0">
          <a:scrgbClr r="0" g="0" b="0"/>
        </a:fillRef>
        <a:effectRef idx="0">
          <a:scrgbClr r="0" g="0" b="0"/>
        </a:effectRef>
        <a:fontRef idx="minor"/>
      </dsp:style>
    </dsp:sp>
    <dsp:sp modelId="{9FB64C6B-AE34-4A98-B16D-24C87D9D7750}">
      <dsp:nvSpPr>
        <dsp:cNvPr id="0" name=""/>
        <dsp:cNvSpPr/>
      </dsp:nvSpPr>
      <dsp:spPr>
        <a:xfrm rot="5400000">
          <a:off x="2022233" y="1468084"/>
          <a:ext cx="598156" cy="680979"/>
        </a:xfrm>
        <a:prstGeom prst="bentUpArrow">
          <a:avLst>
            <a:gd name="adj1" fmla="val 32840"/>
            <a:gd name="adj2" fmla="val 25000"/>
            <a:gd name="adj3" fmla="val 35780"/>
          </a:avLst>
        </a:prstGeom>
        <a:solidFill>
          <a:schemeClr val="accent1">
            <a:tint val="50000"/>
            <a:hueOff val="-12059734"/>
            <a:satOff val="24125"/>
            <a:lumOff val="1022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78EB0B5-6A58-4F23-80CD-633C742DF41F}">
      <dsp:nvSpPr>
        <dsp:cNvPr id="0" name=""/>
        <dsp:cNvSpPr/>
      </dsp:nvSpPr>
      <dsp:spPr>
        <a:xfrm>
          <a:off x="1863758" y="805016"/>
          <a:ext cx="1006942" cy="704827"/>
        </a:xfrm>
        <a:prstGeom prst="roundRect">
          <a:avLst>
            <a:gd name="adj" fmla="val 16670"/>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SG" sz="1200" kern="1200" dirty="0"/>
            <a:t>172 screened </a:t>
          </a:r>
        </a:p>
      </dsp:txBody>
      <dsp:txXfrm>
        <a:off x="1898171" y="839429"/>
        <a:ext cx="938116" cy="636001"/>
      </dsp:txXfrm>
    </dsp:sp>
    <dsp:sp modelId="{D7A58B5C-C18E-438C-B6C0-6248F292466E}">
      <dsp:nvSpPr>
        <dsp:cNvPr id="0" name=""/>
        <dsp:cNvSpPr/>
      </dsp:nvSpPr>
      <dsp:spPr>
        <a:xfrm>
          <a:off x="2870701" y="872237"/>
          <a:ext cx="732354" cy="569672"/>
        </a:xfrm>
        <a:prstGeom prst="rect">
          <a:avLst/>
        </a:prstGeom>
        <a:noFill/>
        <a:ln>
          <a:noFill/>
        </a:ln>
        <a:effectLst/>
      </dsp:spPr>
      <dsp:style>
        <a:lnRef idx="0">
          <a:scrgbClr r="0" g="0" b="0"/>
        </a:lnRef>
        <a:fillRef idx="0">
          <a:scrgbClr r="0" g="0" b="0"/>
        </a:fillRef>
        <a:effectRef idx="0">
          <a:scrgbClr r="0" g="0" b="0"/>
        </a:effectRef>
        <a:fontRef idx="minor"/>
      </dsp:style>
    </dsp:sp>
    <dsp:sp modelId="{C785C0DD-E2B8-4641-93AD-5929DA042E66}">
      <dsp:nvSpPr>
        <dsp:cNvPr id="0" name=""/>
        <dsp:cNvSpPr/>
      </dsp:nvSpPr>
      <dsp:spPr>
        <a:xfrm>
          <a:off x="2698621" y="1596770"/>
          <a:ext cx="1006942" cy="704827"/>
        </a:xfrm>
        <a:prstGeom prst="roundRect">
          <a:avLst>
            <a:gd name="adj" fmla="val 16670"/>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SG" sz="1200" kern="1200" dirty="0"/>
            <a:t>137 enrolled</a:t>
          </a:r>
        </a:p>
      </dsp:txBody>
      <dsp:txXfrm>
        <a:off x="2733034" y="1631183"/>
        <a:ext cx="938116" cy="636001"/>
      </dsp:txXfrm>
    </dsp:sp>
  </dsp:spTree>
</dsp:drawing>
</file>

<file path=ppt/diagrams/layout1.xml><?xml version="1.0" encoding="utf-8"?>
<dgm:layoutDef xmlns:dgm="http://schemas.openxmlformats.org/drawingml/2006/diagram" xmlns:a="http://schemas.openxmlformats.org/drawingml/2006/main" uniqueId="urn:microsoft.com/office/officeart/2005/8/layout/pyramid3">
  <dgm:title val=""/>
  <dgm:desc val=""/>
  <dgm:catLst>
    <dgm:cat type="pyramid" pri="2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T"/>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T"/>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rev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t"/>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SG"/>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B4AC4993-33D0-4BD3-AF3C-5BAC284CBC45}" type="datetimeFigureOut">
              <a:rPr lang="en-SG" smtClean="0"/>
              <a:t>16/10/2021</a:t>
            </a:fld>
            <a:endParaRPr lang="en-SG"/>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SG"/>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SG"/>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SG"/>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7DF695D-BA56-43CC-A204-0BF3B66CC629}" type="slidenum">
              <a:rPr lang="en-SG" smtClean="0"/>
              <a:t>‹#›</a:t>
            </a:fld>
            <a:endParaRPr lang="en-SG"/>
          </a:p>
        </p:txBody>
      </p:sp>
    </p:spTree>
    <p:extLst>
      <p:ext uri="{BB962C8B-B14F-4D97-AF65-F5344CB8AC3E}">
        <p14:creationId xmlns:p14="http://schemas.microsoft.com/office/powerpoint/2010/main" val="24370072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2</a:t>
            </a:fld>
            <a:endParaRPr lang="en-SG"/>
          </a:p>
        </p:txBody>
      </p:sp>
    </p:spTree>
    <p:extLst>
      <p:ext uri="{BB962C8B-B14F-4D97-AF65-F5344CB8AC3E}">
        <p14:creationId xmlns:p14="http://schemas.microsoft.com/office/powerpoint/2010/main" val="14653403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strike="noStrike" baseline="0" dirty="0">
                <a:latin typeface="Bliss-Medium"/>
              </a:rPr>
              <a:t>\</a:t>
            </a:r>
            <a:endParaRPr lang="en-US" sz="1200" b="0" i="0" u="none" strike="noStrike" baseline="0" dirty="0">
              <a:latin typeface="Bliss-Regular"/>
            </a:endParaRP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11</a:t>
            </a:fld>
            <a:endParaRPr lang="en-SG"/>
          </a:p>
        </p:txBody>
      </p:sp>
    </p:spTree>
    <p:extLst>
      <p:ext uri="{BB962C8B-B14F-4D97-AF65-F5344CB8AC3E}">
        <p14:creationId xmlns:p14="http://schemas.microsoft.com/office/powerpoint/2010/main" val="327867460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12</a:t>
            </a:fld>
            <a:endParaRPr lang="en-SG"/>
          </a:p>
        </p:txBody>
      </p:sp>
    </p:spTree>
    <p:extLst>
      <p:ext uri="{BB962C8B-B14F-4D97-AF65-F5344CB8AC3E}">
        <p14:creationId xmlns:p14="http://schemas.microsoft.com/office/powerpoint/2010/main" val="411508101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1) In murine macrophages, compared with control, both </a:t>
            </a:r>
            <a:r>
              <a:rPr lang="en-SG" dirty="0" err="1"/>
              <a:t>atorvaststin</a:t>
            </a:r>
            <a:r>
              <a:rPr lang="en-SG" dirty="0"/>
              <a:t> and simvastatin showed reduction in H37Rv viability (red), </a:t>
            </a:r>
          </a:p>
          <a:p>
            <a:r>
              <a:rPr lang="en-SG" dirty="0"/>
              <a:t>which was </a:t>
            </a:r>
            <a:r>
              <a:rPr lang="en-SG" dirty="0" err="1"/>
              <a:t>resversed</a:t>
            </a:r>
            <a:r>
              <a:rPr lang="en-SG" dirty="0"/>
              <a:t> by the addition of mevalonate (precursor to cholesterol) (Blue) </a:t>
            </a:r>
          </a:p>
          <a:p>
            <a:r>
              <a:rPr lang="en-SG" dirty="0"/>
              <a:t>In addition, the effect of the statins was additive to rifampicin (Yellow). </a:t>
            </a:r>
          </a:p>
          <a:p>
            <a:endParaRPr lang="en-SG" dirty="0"/>
          </a:p>
          <a:p>
            <a:r>
              <a:rPr lang="en-SG" dirty="0"/>
              <a:t>2) A second group in 2016 also showed that simvastatin acid alone and in combination with all 3 anti-TB drugs inhibited growth of MTB in macrophages </a:t>
            </a:r>
          </a:p>
          <a:p>
            <a:endParaRPr lang="en-SG" dirty="0"/>
          </a:p>
          <a:p>
            <a:r>
              <a:rPr lang="en-SG" dirty="0"/>
              <a:t>3) A third group around the same time showed that mechanistically that statins limited </a:t>
            </a:r>
            <a:r>
              <a:rPr lang="en-SG" dirty="0" err="1"/>
              <a:t>Mtb</a:t>
            </a:r>
            <a:r>
              <a:rPr lang="en-SG" dirty="0"/>
              <a:t> growth by </a:t>
            </a:r>
            <a:r>
              <a:rPr lang="en-SG" dirty="0" err="1"/>
              <a:t>enducing</a:t>
            </a:r>
            <a:r>
              <a:rPr lang="en-SG" dirty="0"/>
              <a:t> </a:t>
            </a:r>
            <a:r>
              <a:rPr lang="en-SG" dirty="0" err="1"/>
              <a:t>phagolysosomal</a:t>
            </a:r>
            <a:r>
              <a:rPr lang="en-SG" dirty="0"/>
              <a:t> fusion and </a:t>
            </a:r>
            <a:r>
              <a:rPr lang="en-SG" dirty="0" err="1"/>
              <a:t>sunsequent</a:t>
            </a:r>
            <a:r>
              <a:rPr lang="en-SG" dirty="0"/>
              <a:t> autophagy, and this effect could once again be reversed through mevalonate rescue. </a:t>
            </a: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14</a:t>
            </a:fld>
            <a:endParaRPr lang="en-SG"/>
          </a:p>
        </p:txBody>
      </p:sp>
    </p:spTree>
    <p:extLst>
      <p:ext uri="{BB962C8B-B14F-4D97-AF65-F5344CB8AC3E}">
        <p14:creationId xmlns:p14="http://schemas.microsoft.com/office/powerpoint/2010/main" val="17435875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Besides in vitro data, Mice </a:t>
            </a:r>
            <a:r>
              <a:rPr lang="en-SG" dirty="0" err="1"/>
              <a:t>pretreated</a:t>
            </a:r>
            <a:r>
              <a:rPr lang="en-SG" dirty="0"/>
              <a:t> with simvastatin or rosuvastatin and infected with </a:t>
            </a:r>
            <a:r>
              <a:rPr lang="en-SG" dirty="0" err="1"/>
              <a:t>Mtb</a:t>
            </a:r>
            <a:r>
              <a:rPr lang="en-SG" dirty="0"/>
              <a:t> had reduced bacterial burden at 4 weeks and 8 weeks in both lung and spleen tissue. </a:t>
            </a:r>
          </a:p>
          <a:p>
            <a:r>
              <a:rPr lang="en-SG" dirty="0"/>
              <a:t>Statin treated mice also showed fewer and smaller lesions on histological examination of lung tissue. </a:t>
            </a:r>
          </a:p>
        </p:txBody>
      </p:sp>
      <p:sp>
        <p:nvSpPr>
          <p:cNvPr id="4" name="Slide Number Placeholder 3"/>
          <p:cNvSpPr>
            <a:spLocks noGrp="1"/>
          </p:cNvSpPr>
          <p:nvPr>
            <p:ph type="sldNum" sz="quarter" idx="5"/>
          </p:nvPr>
        </p:nvSpPr>
        <p:spPr/>
        <p:txBody>
          <a:bodyPr/>
          <a:lstStyle/>
          <a:p>
            <a:fld id="{57DF695D-BA56-43CC-A204-0BF3B66CC629}" type="slidenum">
              <a:rPr lang="en-SG" smtClean="0"/>
              <a:t>15</a:t>
            </a:fld>
            <a:endParaRPr lang="en-SG"/>
          </a:p>
        </p:txBody>
      </p:sp>
    </p:spTree>
    <p:extLst>
      <p:ext uri="{BB962C8B-B14F-4D97-AF65-F5344CB8AC3E}">
        <p14:creationId xmlns:p14="http://schemas.microsoft.com/office/powerpoint/2010/main" val="39353498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1) Bacillary growth was controlled in the lungs of untreated mice at a level of 5.7 </a:t>
            </a:r>
            <a:r>
              <a:rPr lang="en-SG" dirty="0" err="1"/>
              <a:t>cfu</a:t>
            </a:r>
            <a:r>
              <a:rPr lang="en-SG" dirty="0"/>
              <a:t> up to 4.5 months of treatment. </a:t>
            </a:r>
          </a:p>
          <a:p>
            <a:endParaRPr lang="en-SG" dirty="0"/>
          </a:p>
          <a:p>
            <a:r>
              <a:rPr lang="en-SG" dirty="0"/>
              <a:t>The addition of simvastatin to HRZ enhanced the bactericidal activity of 3 drug therapy, reducing bacterial burden, and </a:t>
            </a:r>
            <a:r>
              <a:rPr lang="en-SG" dirty="0" err="1"/>
              <a:t>enhabled</a:t>
            </a:r>
            <a:r>
              <a:rPr lang="en-SG" dirty="0"/>
              <a:t> sterilisation of the lung by 3.5 months of treatment in comparison to 4.5 months without simvastatin. </a:t>
            </a:r>
          </a:p>
        </p:txBody>
      </p:sp>
      <p:sp>
        <p:nvSpPr>
          <p:cNvPr id="4" name="Slide Number Placeholder 3"/>
          <p:cNvSpPr>
            <a:spLocks noGrp="1"/>
          </p:cNvSpPr>
          <p:nvPr>
            <p:ph type="sldNum" sz="quarter" idx="5"/>
          </p:nvPr>
        </p:nvSpPr>
        <p:spPr/>
        <p:txBody>
          <a:bodyPr/>
          <a:lstStyle/>
          <a:p>
            <a:fld id="{57DF695D-BA56-43CC-A204-0BF3B66CC629}" type="slidenum">
              <a:rPr lang="en-SG" smtClean="0"/>
              <a:t>16</a:t>
            </a:fld>
            <a:endParaRPr lang="en-SG"/>
          </a:p>
        </p:txBody>
      </p:sp>
    </p:spTree>
    <p:extLst>
      <p:ext uri="{BB962C8B-B14F-4D97-AF65-F5344CB8AC3E}">
        <p14:creationId xmlns:p14="http://schemas.microsoft.com/office/powerpoint/2010/main" val="42949298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Additionally in mice treated with HRZ alone: </a:t>
            </a:r>
          </a:p>
          <a:p>
            <a:r>
              <a:rPr lang="en-SG" dirty="0"/>
              <a:t>100% Relapses if that HRZ treatment was for 2.5 months</a:t>
            </a:r>
          </a:p>
          <a:p>
            <a:r>
              <a:rPr lang="en-SG" dirty="0"/>
              <a:t>50% relapsed with treatment for 3.5 months </a:t>
            </a:r>
          </a:p>
          <a:p>
            <a:r>
              <a:rPr lang="en-SG" dirty="0"/>
              <a:t>And were cured at 4.5 months of treatment. </a:t>
            </a:r>
          </a:p>
          <a:p>
            <a:endParaRPr lang="en-SG" dirty="0"/>
          </a:p>
          <a:p>
            <a:r>
              <a:rPr lang="en-SG" dirty="0"/>
              <a:t>In mice treated with HRZ and simvastatin, </a:t>
            </a:r>
          </a:p>
          <a:p>
            <a:r>
              <a:rPr lang="en-SG" dirty="0"/>
              <a:t>50% relapsed with treatment for 2.5 months, </a:t>
            </a:r>
          </a:p>
          <a:p>
            <a:r>
              <a:rPr lang="en-SG" dirty="0"/>
              <a:t>20% relapsed after 3.5 months and 100% cured after 4.5 months of treatment. </a:t>
            </a:r>
          </a:p>
        </p:txBody>
      </p:sp>
      <p:sp>
        <p:nvSpPr>
          <p:cNvPr id="4" name="Slide Number Placeholder 3"/>
          <p:cNvSpPr>
            <a:spLocks noGrp="1"/>
          </p:cNvSpPr>
          <p:nvPr>
            <p:ph type="sldNum" sz="quarter" idx="5"/>
          </p:nvPr>
        </p:nvSpPr>
        <p:spPr/>
        <p:txBody>
          <a:bodyPr/>
          <a:lstStyle/>
          <a:p>
            <a:fld id="{57DF695D-BA56-43CC-A204-0BF3B66CC629}" type="slidenum">
              <a:rPr lang="en-SG" smtClean="0"/>
              <a:t>17</a:t>
            </a:fld>
            <a:endParaRPr lang="en-SG"/>
          </a:p>
        </p:txBody>
      </p:sp>
    </p:spTree>
    <p:extLst>
      <p:ext uri="{BB962C8B-B14F-4D97-AF65-F5344CB8AC3E}">
        <p14:creationId xmlns:p14="http://schemas.microsoft.com/office/powerpoint/2010/main" val="189464787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eriod"/>
            </a:pPr>
            <a:r>
              <a:rPr lang="en-SG" dirty="0"/>
              <a:t>Biochemical Properties of the Drug</a:t>
            </a:r>
          </a:p>
          <a:p>
            <a:pPr marL="228600" indent="-228600">
              <a:buAutoNum type="arabicPeriod"/>
            </a:pPr>
            <a:endParaRPr lang="en-SG" dirty="0"/>
          </a:p>
          <a:p>
            <a:pPr marL="228600" indent="-228600">
              <a:buAutoNum type="arabicPeriod"/>
            </a:pPr>
            <a:r>
              <a:rPr lang="en-SG" dirty="0"/>
              <a:t>Safety of the Drug</a:t>
            </a:r>
          </a:p>
          <a:p>
            <a:pPr marL="228600" indent="-228600">
              <a:buAutoNum type="arabicPeriod"/>
            </a:pPr>
            <a:endParaRPr lang="en-SG" dirty="0"/>
          </a:p>
          <a:p>
            <a:pPr marL="228600" indent="-228600">
              <a:buAutoNum type="arabicPeriod"/>
            </a:pPr>
            <a:r>
              <a:rPr lang="en-SG" dirty="0"/>
              <a:t>Drug </a:t>
            </a:r>
            <a:r>
              <a:rPr lang="en-SG" dirty="0" err="1"/>
              <a:t>Drug</a:t>
            </a:r>
            <a:r>
              <a:rPr lang="en-SG" dirty="0"/>
              <a:t> Interactions </a:t>
            </a:r>
          </a:p>
          <a:p>
            <a:pPr marL="0" indent="0">
              <a:buNone/>
            </a:pPr>
            <a:endParaRPr lang="en-SG" dirty="0"/>
          </a:p>
          <a:p>
            <a:pPr marL="228600" indent="-228600">
              <a:buAutoNum type="arabicPeriod" startAt="4"/>
            </a:pPr>
            <a:r>
              <a:rPr lang="en-SG" dirty="0"/>
              <a:t>In Vivo animal model data for use to treat TB</a:t>
            </a:r>
          </a:p>
          <a:p>
            <a:pPr marL="228600" indent="-228600">
              <a:buAutoNum type="arabicPeriod" startAt="4"/>
            </a:pPr>
            <a:endParaRPr lang="en-SG" dirty="0"/>
          </a:p>
          <a:p>
            <a:pPr marL="228600" indent="-228600">
              <a:buAutoNum type="arabicPeriod" startAt="4"/>
            </a:pPr>
            <a:r>
              <a:rPr lang="en-SG" dirty="0"/>
              <a:t>Accessibility and Cost </a:t>
            </a:r>
          </a:p>
          <a:p>
            <a:pPr marL="228600" indent="-228600">
              <a:buAutoNum type="arabicPeriod"/>
            </a:pPr>
            <a:endParaRPr lang="en-SG" dirty="0"/>
          </a:p>
          <a:p>
            <a:pPr marL="228600" indent="-228600">
              <a:buAutoNum type="arabicPeriod"/>
            </a:pPr>
            <a:endParaRPr lang="en-SG" dirty="0"/>
          </a:p>
          <a:p>
            <a:endParaRPr lang="en-SG" dirty="0"/>
          </a:p>
          <a:p>
            <a:r>
              <a:rPr lang="en-SG" dirty="0"/>
              <a:t>Pravastatin metabolism although not mediated by CYP 450, has still been shown to have reduced exposure by rifampicin by about 30 – 50%. The authors of the competing trial feel that this can be overcome by doubling the dose of pravastatin when used in combination with rifampicin. </a:t>
            </a:r>
          </a:p>
          <a:p>
            <a:endParaRPr lang="en-SG" dirty="0"/>
          </a:p>
          <a:p>
            <a:r>
              <a:rPr lang="en-SG" dirty="0"/>
              <a:t>On the other hand when rosuvastatin was administered after multiple doses of rifampicin, the plasma concentration of rosuvastatin and mean AUC dud not significantly change. </a:t>
            </a:r>
          </a:p>
          <a:p>
            <a:endParaRPr lang="en-SG" dirty="0"/>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20</a:t>
            </a:fld>
            <a:endParaRPr lang="en-SG"/>
          </a:p>
        </p:txBody>
      </p:sp>
    </p:spTree>
    <p:extLst>
      <p:ext uri="{BB962C8B-B14F-4D97-AF65-F5344CB8AC3E}">
        <p14:creationId xmlns:p14="http://schemas.microsoft.com/office/powerpoint/2010/main" val="94911248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effectLst/>
                <a:latin typeface="Calibri" panose="020F0502020204030204" pitchFamily="34" charset="0"/>
                <a:ea typeface="Calibri" panose="020F0502020204030204" pitchFamily="34" charset="0"/>
                <a:cs typeface="Calibri" panose="020F0502020204030204" pitchFamily="34" charset="0"/>
              </a:rPr>
              <a:t>The recommended starting dose of rosuvastatin is 5-10mg once daily, with progressive dose increases up to 40mg to achieve a prespecified cholesterol targe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dirty="0">
              <a:effectLst/>
              <a:latin typeface="Calibri" panose="020F0502020204030204" pitchFamily="34" charset="0"/>
              <a:ea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effectLst/>
                <a:latin typeface="Calibri" panose="020F0502020204030204" pitchFamily="34" charset="0"/>
                <a:ea typeface="Calibri" panose="020F0502020204030204" pitchFamily="34" charset="0"/>
                <a:cs typeface="Calibri" panose="020F0502020204030204" pitchFamily="34" charset="0"/>
              </a:rPr>
              <a:t>The maximum dose of 40mg is only considered in patients at highest risk of cardiovascular disease because of the possible increased risk of myopathy/ myositis at that dos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dirty="0">
              <a:effectLst/>
              <a:latin typeface="Calibri" panose="020F0502020204030204" pitchFamily="34" charset="0"/>
              <a:ea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effectLst/>
                <a:latin typeface="Calibri" panose="020F0502020204030204" pitchFamily="34" charset="0"/>
                <a:ea typeface="Calibri" panose="020F0502020204030204" pitchFamily="34" charset="0"/>
                <a:cs typeface="Calibri" panose="020F0502020204030204" pitchFamily="34" charset="0"/>
              </a:rPr>
              <a:t>Doses above 20mg are </a:t>
            </a:r>
            <a:r>
              <a:rPr lang="en-GB" sz="1800" dirty="0">
                <a:solidFill>
                  <a:srgbClr val="131413"/>
                </a:solidFill>
                <a:effectLst/>
                <a:latin typeface="Calibri" panose="020F0502020204030204" pitchFamily="34" charset="0"/>
                <a:ea typeface="Calibri" panose="020F0502020204030204" pitchFamily="34" charset="0"/>
                <a:cs typeface="Calibri" panose="020F0502020204030204" pitchFamily="34" charset="0"/>
              </a:rPr>
              <a:t>contraindicated in </a:t>
            </a:r>
            <a:r>
              <a:rPr lang="en-GB" sz="1800" dirty="0">
                <a:effectLst/>
                <a:latin typeface="Calibri" panose="020F0502020204030204" pitchFamily="34" charset="0"/>
                <a:ea typeface="Calibri" panose="020F0502020204030204" pitchFamily="34" charset="0"/>
                <a:cs typeface="Calibri" panose="020F0502020204030204" pitchFamily="34" charset="0"/>
              </a:rPr>
              <a:t>Asian patients as they have an approximately 2-fold increase in exposure to rosuvastatin in comparison to Caucasian populations as a consequence of genetic variation in the activity of </a:t>
            </a:r>
            <a:r>
              <a:rPr lang="en-GB"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ATP1B1 and </a:t>
            </a:r>
            <a:r>
              <a:rPr lang="en-GB" sz="1800" dirty="0">
                <a:solidFill>
                  <a:srgbClr val="131413"/>
                </a:solidFill>
                <a:effectLst/>
                <a:latin typeface="Calibri" panose="020F0502020204030204" pitchFamily="34" charset="0"/>
                <a:ea typeface="Calibri" panose="020F0502020204030204" pitchFamily="34" charset="0"/>
                <a:cs typeface="Calibri" panose="020F0502020204030204" pitchFamily="34" charset="0"/>
              </a:rPr>
              <a:t>Breast cancer resistance protein (BCRP), two key uptake/ efflux transporters which determine the rate of intestinal absorption and excretion of the rosuvastatin. </a:t>
            </a:r>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21</a:t>
            </a:fld>
            <a:endParaRPr lang="en-SG"/>
          </a:p>
        </p:txBody>
      </p:sp>
    </p:spTree>
    <p:extLst>
      <p:ext uri="{BB962C8B-B14F-4D97-AF65-F5344CB8AC3E}">
        <p14:creationId xmlns:p14="http://schemas.microsoft.com/office/powerpoint/2010/main" val="66658732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26</a:t>
            </a:fld>
            <a:endParaRPr lang="en-SG"/>
          </a:p>
        </p:txBody>
      </p:sp>
    </p:spTree>
    <p:extLst>
      <p:ext uri="{BB962C8B-B14F-4D97-AF65-F5344CB8AC3E}">
        <p14:creationId xmlns:p14="http://schemas.microsoft.com/office/powerpoint/2010/main" val="395584066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67245E9A-A71D-4B8C-9396-0AD745E94CFF}" type="slidenum">
              <a:rPr lang="en-GB" smtClean="0">
                <a:solidFill>
                  <a:prstClr val="black"/>
                </a:solidFill>
              </a:rPr>
              <a:pPr/>
              <a:t>27</a:t>
            </a:fld>
            <a:endParaRPr lang="en-GB" dirty="0">
              <a:solidFill>
                <a:prstClr val="black"/>
              </a:solidFill>
            </a:endParaRPr>
          </a:p>
        </p:txBody>
      </p:sp>
    </p:spTree>
    <p:extLst>
      <p:ext uri="{BB962C8B-B14F-4D97-AF65-F5344CB8AC3E}">
        <p14:creationId xmlns:p14="http://schemas.microsoft.com/office/powerpoint/2010/main" val="48537917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In the pre-antibiotic era, some patients, possibly those with minimal disease, survived TB. </a:t>
            </a:r>
          </a:p>
          <a:p>
            <a:r>
              <a:rPr lang="en-SG" dirty="0"/>
              <a:t>Whether or not this was as a consequence of the “fresh air, nutritious food, sun treatments and exercise” prescribed, I’m not sure anyone knows. </a:t>
            </a:r>
          </a:p>
          <a:p>
            <a:r>
              <a:rPr lang="en-SG" dirty="0"/>
              <a:t>But it does remind me, that prior to the advent of effective antibiotic treatment, people used a form of host directed therapy, with varying success, to treat TB. </a:t>
            </a: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3</a:t>
            </a:fld>
            <a:endParaRPr lang="en-SG"/>
          </a:p>
        </p:txBody>
      </p:sp>
    </p:spTree>
    <p:extLst>
      <p:ext uri="{BB962C8B-B14F-4D97-AF65-F5344CB8AC3E}">
        <p14:creationId xmlns:p14="http://schemas.microsoft.com/office/powerpoint/2010/main" val="107036923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Culture based data is problematic: </a:t>
            </a:r>
          </a:p>
          <a:p>
            <a:pPr marL="171450" indent="-171450">
              <a:buFontTx/>
              <a:buChar char="-"/>
            </a:pPr>
            <a:r>
              <a:rPr lang="en-SG" dirty="0"/>
              <a:t>Takes too long, risk of contamination, culture </a:t>
            </a:r>
            <a:r>
              <a:rPr lang="en-SG" dirty="0" err="1"/>
              <a:t>methologies</a:t>
            </a:r>
            <a:r>
              <a:rPr lang="en-SG" dirty="0"/>
              <a:t> may be different between laboratories (sloppy)</a:t>
            </a:r>
          </a:p>
          <a:p>
            <a:pPr marL="171450" indent="-171450">
              <a:buFontTx/>
              <a:buChar char="-"/>
            </a:pPr>
            <a:endParaRPr lang="en-SG" dirty="0"/>
          </a:p>
          <a:p>
            <a:pPr marL="0" indent="0">
              <a:buFontTx/>
              <a:buNone/>
            </a:pPr>
            <a:r>
              <a:rPr lang="en-SG" dirty="0"/>
              <a:t>MBL which is based on 16sRNA is therefore not dependent on actively growing mycobacteria (likely culture), but simultaneously should not detect dead bacteria (like Xpert), but will be able to pick up both dormant as well as actively replicating bacteria. </a:t>
            </a:r>
          </a:p>
          <a:p>
            <a:endParaRPr lang="en-SG" dirty="0"/>
          </a:p>
          <a:p>
            <a:r>
              <a:rPr lang="en-SG" dirty="0"/>
              <a:t>Assessed 20 patients in Tanzania where they compared the MBL with solid agar CFU and liquid media culture, and showed that at least for EBA during the first 14 days, the MBL assay is at least as good as culture with higher precision and fewer missing data. </a:t>
            </a:r>
          </a:p>
        </p:txBody>
      </p:sp>
      <p:sp>
        <p:nvSpPr>
          <p:cNvPr id="4" name="Slide Number Placeholder 3"/>
          <p:cNvSpPr>
            <a:spLocks noGrp="1"/>
          </p:cNvSpPr>
          <p:nvPr>
            <p:ph type="sldNum" sz="quarter" idx="5"/>
          </p:nvPr>
        </p:nvSpPr>
        <p:spPr/>
        <p:txBody>
          <a:bodyPr/>
          <a:lstStyle/>
          <a:p>
            <a:fld id="{57DF695D-BA56-43CC-A204-0BF3B66CC629}" type="slidenum">
              <a:rPr lang="en-SG" smtClean="0"/>
              <a:t>29</a:t>
            </a:fld>
            <a:endParaRPr lang="en-SG"/>
          </a:p>
        </p:txBody>
      </p:sp>
    </p:spTree>
    <p:extLst>
      <p:ext uri="{BB962C8B-B14F-4D97-AF65-F5344CB8AC3E}">
        <p14:creationId xmlns:p14="http://schemas.microsoft.com/office/powerpoint/2010/main" val="42509526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There have been 2 studies published thus far which have characterised </a:t>
            </a:r>
          </a:p>
        </p:txBody>
      </p:sp>
      <p:sp>
        <p:nvSpPr>
          <p:cNvPr id="4" name="Slide Number Placeholder 3"/>
          <p:cNvSpPr>
            <a:spLocks noGrp="1"/>
          </p:cNvSpPr>
          <p:nvPr>
            <p:ph type="sldNum" sz="quarter" idx="5"/>
          </p:nvPr>
        </p:nvSpPr>
        <p:spPr/>
        <p:txBody>
          <a:bodyPr/>
          <a:lstStyle/>
          <a:p>
            <a:fld id="{57DF695D-BA56-43CC-A204-0BF3B66CC629}" type="slidenum">
              <a:rPr lang="en-SG" smtClean="0"/>
              <a:t>30</a:t>
            </a:fld>
            <a:endParaRPr lang="en-SG"/>
          </a:p>
        </p:txBody>
      </p:sp>
    </p:spTree>
    <p:extLst>
      <p:ext uri="{BB962C8B-B14F-4D97-AF65-F5344CB8AC3E}">
        <p14:creationId xmlns:p14="http://schemas.microsoft.com/office/powerpoint/2010/main" val="369192758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Numerous host transcriptome signatures of active TB have been described,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Most recently several groups collaborated to develop a PCR based host blood transcriptomic signature – called RISK6, which could be used as a screening test for TB, as well as demonstrated utility as a treatment response biomarker whilst predicting treatment failure prior to treatment initiation. </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In the second panel we see that RISK6 scores were shown to drop with the initiation of TB treatment as early as 1 week into TB treatment, and we see that whilst the score decreased significantly during TB treatment it was still significantly higher than those observed in healthy control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It was also shown to correlate with lung immunopathology as measured by PE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A dynamic gene signature which demonstrates response to successful therapy hold promise as an excellent biomarker for treatment monitoring and particularly for clinical trials research in Tuberculosis. However there has been a call for such a diagnostic biomarker to be carefully tested in a multitude of TB cohorts from distinct geographical locations and </a:t>
            </a:r>
            <a:r>
              <a:rPr lang="en-US" sz="1800" dirty="0" err="1">
                <a:solidFill>
                  <a:srgbClr val="000000"/>
                </a:solidFill>
                <a:effectLst/>
                <a:uFill>
                  <a:solidFill>
                    <a:srgbClr val="000000"/>
                  </a:solidFill>
                </a:uFill>
                <a:latin typeface="Calibri" panose="020F0502020204030204" pitchFamily="34" charset="0"/>
                <a:ea typeface="Times New Roman" panose="02020603050405020304" pitchFamily="18" charset="0"/>
              </a:rPr>
              <a:t>optimised</a:t>
            </a:r>
            <a:r>
              <a:rPr lang="en-US" sz="1800" dirty="0">
                <a:solidFill>
                  <a:srgbClr val="000000"/>
                </a:solidFill>
                <a:effectLst/>
                <a:uFill>
                  <a:solidFill>
                    <a:srgbClr val="000000"/>
                  </a:solidFill>
                </a:uFill>
                <a:latin typeface="Calibri" panose="020F0502020204030204" pitchFamily="34" charset="0"/>
                <a:ea typeface="Times New Roman" panose="02020603050405020304" pitchFamily="18" charset="0"/>
              </a:rPr>
              <a:t> for specificity to Tuberculosis (97). </a:t>
            </a:r>
            <a:endParaRPr lang="en-SG" sz="1800" dirty="0">
              <a:solidFill>
                <a:srgbClr val="000000"/>
              </a:solidFill>
              <a:effectLst/>
              <a:uFill>
                <a:solidFill>
                  <a:srgbClr val="000000"/>
                </a:solidFill>
              </a:uFill>
              <a:latin typeface="Times New Roman" panose="02020603050405020304" pitchFamily="18" charset="0"/>
              <a:ea typeface="Times New Roman" panose="02020603050405020304" pitchFamily="18" charset="0"/>
            </a:endParaRP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31</a:t>
            </a:fld>
            <a:endParaRPr lang="en-SG"/>
          </a:p>
        </p:txBody>
      </p:sp>
    </p:spTree>
    <p:extLst>
      <p:ext uri="{BB962C8B-B14F-4D97-AF65-F5344CB8AC3E}">
        <p14:creationId xmlns:p14="http://schemas.microsoft.com/office/powerpoint/2010/main" val="52344948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SG" sz="1800" b="0" i="0" u="none" strike="noStrike" baseline="0" dirty="0" err="1">
                <a:latin typeface="AdvOT7d6df7ab.I"/>
              </a:rPr>
              <a:t>Mtb</a:t>
            </a:r>
            <a:r>
              <a:rPr lang="en-SG" sz="1800" b="0" i="0" u="none" strike="noStrike" baseline="0" dirty="0">
                <a:latin typeface="AdvOT7d6df7ab.I"/>
              </a:rPr>
              <a:t> </a:t>
            </a:r>
            <a:r>
              <a:rPr lang="en-SG" sz="1800" b="0" i="0" u="none" strike="noStrike" baseline="0" dirty="0">
                <a:latin typeface="AdvOT1ef757c0"/>
              </a:rPr>
              <a:t>gene expression was from patients in Uganda treated for DS-TB </a:t>
            </a:r>
          </a:p>
          <a:p>
            <a:pPr algn="l"/>
            <a:r>
              <a:rPr lang="en-SG" sz="1800" b="0" i="0" u="none" strike="noStrike" baseline="0" dirty="0">
                <a:latin typeface="AdvOT1ef757c0"/>
              </a:rPr>
              <a:t>Rapid reduction in mRNA abundance, </a:t>
            </a:r>
          </a:p>
          <a:p>
            <a:pPr algn="l"/>
            <a:r>
              <a:rPr lang="en-US" sz="1800" b="0" i="0" u="none" strike="noStrike" baseline="0" dirty="0">
                <a:latin typeface="AdvOT1ef757c0"/>
              </a:rPr>
              <a:t>Treatment markedly altered the bacterial transcriptome. </a:t>
            </a:r>
          </a:p>
          <a:p>
            <a:pPr algn="l"/>
            <a:r>
              <a:rPr lang="en-US" sz="1800" b="0" i="0" u="none" strike="noStrike" baseline="0" dirty="0">
                <a:solidFill>
                  <a:srgbClr val="000000"/>
                </a:solidFill>
                <a:latin typeface="AdvOT1ef757c0"/>
              </a:rPr>
              <a:t>This figure shows change in key functional categories during </a:t>
            </a:r>
            <a:r>
              <a:rPr lang="en-SG" sz="1800" b="0" i="0" u="none" strike="noStrike" baseline="0" dirty="0">
                <a:solidFill>
                  <a:srgbClr val="000000"/>
                </a:solidFill>
                <a:latin typeface="AdvOT1ef757c0"/>
              </a:rPr>
              <a:t>treatment and the study effectively showed that during treatment the bacterial transcriptional profiling changes </a:t>
            </a:r>
            <a:endParaRPr lang="en-US" sz="1800" b="0" i="0" u="none" strike="noStrike" baseline="0" dirty="0">
              <a:latin typeface="AdvOT1ef757c0"/>
            </a:endParaRPr>
          </a:p>
          <a:p>
            <a:pPr algn="l"/>
            <a:r>
              <a:rPr lang="en-US" sz="1800" b="0" i="0" u="none" strike="noStrike" baseline="0" dirty="0">
                <a:latin typeface="AdvOT1ef757c0"/>
              </a:rPr>
              <a:t>from one where bacteria are highly metabolically active to that of drug-tolerant bacteria which slowing of growth and metabolism and the upregulation in the stress-response.</a:t>
            </a:r>
          </a:p>
        </p:txBody>
      </p:sp>
      <p:sp>
        <p:nvSpPr>
          <p:cNvPr id="4" name="Slide Number Placeholder 3"/>
          <p:cNvSpPr>
            <a:spLocks noGrp="1"/>
          </p:cNvSpPr>
          <p:nvPr>
            <p:ph type="sldNum" sz="quarter" idx="5"/>
          </p:nvPr>
        </p:nvSpPr>
        <p:spPr/>
        <p:txBody>
          <a:bodyPr/>
          <a:lstStyle/>
          <a:p>
            <a:fld id="{57DF695D-BA56-43CC-A204-0BF3B66CC629}" type="slidenum">
              <a:rPr lang="en-SG" smtClean="0"/>
              <a:t>32</a:t>
            </a:fld>
            <a:endParaRPr lang="en-SG"/>
          </a:p>
        </p:txBody>
      </p:sp>
    </p:spTree>
    <p:extLst>
      <p:ext uri="{BB962C8B-B14F-4D97-AF65-F5344CB8AC3E}">
        <p14:creationId xmlns:p14="http://schemas.microsoft.com/office/powerpoint/2010/main" val="354507339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dirty="0"/>
              <a:t>Quantitative analysis of FDG PET-CT images was able to characterise and predict treatment outcomes in 99 PTB pati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SG" sz="1200" dirty="0"/>
              <a:t>Malherbe, </a:t>
            </a:r>
            <a:r>
              <a:rPr lang="en-SG" sz="1200" b="1" dirty="0"/>
              <a:t>Quantitative 18F-FDG PET-CT scan characteristics correlate with TB treatment response</a:t>
            </a:r>
            <a:r>
              <a:rPr lang="en-SG" sz="1200" dirty="0"/>
              <a:t>, EJNMMI Research, 2020</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SG" dirty="0"/>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33</a:t>
            </a:fld>
            <a:endParaRPr lang="en-SG"/>
          </a:p>
        </p:txBody>
      </p:sp>
    </p:spTree>
    <p:extLst>
      <p:ext uri="{BB962C8B-B14F-4D97-AF65-F5344CB8AC3E}">
        <p14:creationId xmlns:p14="http://schemas.microsoft.com/office/powerpoint/2010/main" val="92722636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Recruitment Completed: 137 patients</a:t>
            </a:r>
          </a:p>
          <a:p>
            <a:r>
              <a:rPr lang="en-SG" dirty="0"/>
              <a:t>Last Patient out </a:t>
            </a:r>
            <a:r>
              <a:rPr lang="en-SG" dirty="0" err="1"/>
              <a:t>approx</a:t>
            </a:r>
            <a:r>
              <a:rPr lang="en-SG" dirty="0"/>
              <a:t> mid July 2021</a:t>
            </a: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38</a:t>
            </a:fld>
            <a:endParaRPr lang="en-SG"/>
          </a:p>
        </p:txBody>
      </p:sp>
    </p:spTree>
    <p:extLst>
      <p:ext uri="{BB962C8B-B14F-4D97-AF65-F5344CB8AC3E}">
        <p14:creationId xmlns:p14="http://schemas.microsoft.com/office/powerpoint/2010/main" val="181973204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39</a:t>
            </a:fld>
            <a:endParaRPr lang="en-SG"/>
          </a:p>
        </p:txBody>
      </p:sp>
    </p:spTree>
    <p:extLst>
      <p:ext uri="{BB962C8B-B14F-4D97-AF65-F5344CB8AC3E}">
        <p14:creationId xmlns:p14="http://schemas.microsoft.com/office/powerpoint/2010/main" val="19538311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These days when we think about HDT, there are really 4 strategies to improve outcomes from TB</a:t>
            </a:r>
          </a:p>
          <a:p>
            <a:pPr marL="228600" indent="-228600">
              <a:buAutoNum type="arabicParenR"/>
            </a:pPr>
            <a:r>
              <a:rPr lang="en-SG" dirty="0"/>
              <a:t>Modulating the pro-inflammatory response which is results in substantial amount of lung damage. Many HD therapies from Steroids, Vit D, anti-inflammatory thought to work through this mechanism. </a:t>
            </a:r>
          </a:p>
          <a:p>
            <a:pPr marL="228600" indent="-228600">
              <a:buAutoNum type="arabicParenR"/>
            </a:pPr>
            <a:r>
              <a:rPr lang="en-SG" dirty="0"/>
              <a:t>Enhancing or developing host adaptive immune responses, much like vaccination.</a:t>
            </a:r>
          </a:p>
          <a:p>
            <a:pPr marL="228600" indent="-228600">
              <a:buAutoNum type="arabicParenR"/>
            </a:pPr>
            <a:r>
              <a:rPr lang="en-SG" dirty="0"/>
              <a:t>Enhancing innate immune responses which are primarily bactericidal</a:t>
            </a:r>
          </a:p>
          <a:p>
            <a:pPr marL="228600" indent="-228600">
              <a:buAutoNum type="arabicParenR"/>
            </a:pPr>
            <a:r>
              <a:rPr lang="en-SG" dirty="0" err="1"/>
              <a:t>Distrupting</a:t>
            </a:r>
            <a:r>
              <a:rPr lang="en-SG" dirty="0"/>
              <a:t> the structure of granulomas which harbour and protect TB bacilli, from the host immune response as well as anti-TB drugs. </a:t>
            </a:r>
          </a:p>
        </p:txBody>
      </p:sp>
      <p:sp>
        <p:nvSpPr>
          <p:cNvPr id="4" name="Slide Number Placeholder 3"/>
          <p:cNvSpPr>
            <a:spLocks noGrp="1"/>
          </p:cNvSpPr>
          <p:nvPr>
            <p:ph type="sldNum" sz="quarter" idx="5"/>
          </p:nvPr>
        </p:nvSpPr>
        <p:spPr/>
        <p:txBody>
          <a:bodyPr/>
          <a:lstStyle/>
          <a:p>
            <a:fld id="{57DF695D-BA56-43CC-A204-0BF3B66CC629}" type="slidenum">
              <a:rPr lang="en-SG" smtClean="0"/>
              <a:t>4</a:t>
            </a:fld>
            <a:endParaRPr lang="en-SG"/>
          </a:p>
        </p:txBody>
      </p:sp>
    </p:spTree>
    <p:extLst>
      <p:ext uri="{BB962C8B-B14F-4D97-AF65-F5344CB8AC3E}">
        <p14:creationId xmlns:p14="http://schemas.microsoft.com/office/powerpoint/2010/main" val="57541097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re are many </a:t>
            </a:r>
            <a:r>
              <a:rPr lang="en-US" dirty="0" err="1"/>
              <a:t>many</a:t>
            </a:r>
            <a:r>
              <a:rPr lang="en-US" dirty="0"/>
              <a:t> candidate drugs which have been considered to be repurposed for HDT</a:t>
            </a:r>
          </a:p>
          <a:p>
            <a:endParaRPr lang="en-US" baseline="0" dirty="0"/>
          </a:p>
          <a:p>
            <a:r>
              <a:rPr lang="en-US" baseline="0" dirty="0"/>
              <a:t>Naomi talked a few weeks ago about the 4 drugs Bob Wallis and his group </a:t>
            </a:r>
            <a:r>
              <a:rPr lang="en-US" baseline="0" dirty="0" err="1"/>
              <a:t>trialled</a:t>
            </a:r>
            <a:r>
              <a:rPr lang="en-US" baseline="0" dirty="0"/>
              <a:t>, some of which I have circled in red. </a:t>
            </a:r>
          </a:p>
          <a:p>
            <a:endParaRPr lang="en-US" baseline="0" dirty="0"/>
          </a:p>
          <a:p>
            <a:endParaRPr lang="en-US" dirty="0"/>
          </a:p>
          <a:p>
            <a:endParaRPr lang="en-US" dirty="0"/>
          </a:p>
          <a:p>
            <a:endParaRPr lang="en-US" dirty="0"/>
          </a:p>
        </p:txBody>
      </p:sp>
      <p:sp>
        <p:nvSpPr>
          <p:cNvPr id="4" name="Slide Number Placeholder 3"/>
          <p:cNvSpPr>
            <a:spLocks noGrp="1"/>
          </p:cNvSpPr>
          <p:nvPr>
            <p:ph type="sldNum" sz="quarter" idx="10"/>
          </p:nvPr>
        </p:nvSpPr>
        <p:spPr/>
        <p:txBody>
          <a:bodyPr/>
          <a:lstStyle/>
          <a:p>
            <a:fld id="{7F881F4E-D646-6E40-99A0-F2B61951723D}" type="slidenum">
              <a:rPr lang="en-US" smtClean="0"/>
              <a:t>5</a:t>
            </a:fld>
            <a:endParaRPr lang="en-US" dirty="0"/>
          </a:p>
        </p:txBody>
      </p:sp>
    </p:spTree>
    <p:extLst>
      <p:ext uri="{BB962C8B-B14F-4D97-AF65-F5344CB8AC3E}">
        <p14:creationId xmlns:p14="http://schemas.microsoft.com/office/powerpoint/2010/main" val="123515659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sz="1800" b="0" i="0" u="none" strike="noStrike" baseline="0" dirty="0">
                <a:latin typeface="Minion-Regular"/>
              </a:rPr>
              <a:t>1) The repurposing of statins as antimicrobial agents was shown to hold potential promise when numerous clinical studies revealed that patients on cholesterol-lowering statins showed improved outcomes from bacterial infections. </a:t>
            </a:r>
          </a:p>
          <a:p>
            <a:pPr algn="l"/>
            <a:endParaRPr lang="en-US" sz="1800" b="0" i="0" u="none" strike="noStrike" baseline="0" dirty="0">
              <a:latin typeface="Minion-Regular"/>
            </a:endParaRPr>
          </a:p>
          <a:p>
            <a:pPr algn="l"/>
            <a:r>
              <a:rPr lang="en-US" sz="1800" b="0" i="0" u="none" strike="noStrike" baseline="0" dirty="0">
                <a:latin typeface="Minion-Regular"/>
              </a:rPr>
              <a:t>2) Statins have been shown to, in vitro, reduce bacterial growth, motility, attachment. </a:t>
            </a:r>
          </a:p>
          <a:p>
            <a:pPr algn="l"/>
            <a:endParaRPr lang="en-US" sz="1800" b="0" i="0" u="none" strike="noStrike" baseline="0" dirty="0">
              <a:latin typeface="Minion-Regular"/>
            </a:endParaRPr>
          </a:p>
          <a:p>
            <a:pPr algn="l"/>
            <a:r>
              <a:rPr lang="en-US" sz="1800" b="0" i="0" u="none" strike="noStrike" baseline="0" dirty="0">
                <a:latin typeface="Minion-Regular"/>
              </a:rPr>
              <a:t>3) In cell culture it has been postulated that they do this through key </a:t>
            </a:r>
            <a:r>
              <a:rPr lang="en-US" sz="1800" b="0" i="0" u="none" strike="noStrike" baseline="0" dirty="0" err="1">
                <a:latin typeface="Minion-Regular"/>
              </a:rPr>
              <a:t>antivirulence</a:t>
            </a:r>
            <a:r>
              <a:rPr lang="en-US" sz="1800" b="0" i="0" u="none" strike="noStrike" baseline="0" dirty="0">
                <a:latin typeface="Minion-Regular"/>
              </a:rPr>
              <a:t> mechanisms</a:t>
            </a:r>
          </a:p>
          <a:p>
            <a:pPr algn="l"/>
            <a:endParaRPr lang="en-US" sz="1800" b="0" i="0" u="none" strike="noStrike" baseline="0" dirty="0">
              <a:latin typeface="Minion-Regular"/>
            </a:endParaRPr>
          </a:p>
          <a:p>
            <a:pPr algn="l"/>
            <a:r>
              <a:rPr lang="en-US" sz="1800" b="0" i="0" u="none" strike="noStrike" baseline="0" dirty="0">
                <a:latin typeface="Minion-Regular"/>
              </a:rPr>
              <a:t>4) In vivo at physiological concentrations statins have been shown to reduce bacterial load and dissemination and increase clearance in mouse models of infection. </a:t>
            </a:r>
          </a:p>
          <a:p>
            <a:pPr algn="l"/>
            <a:endParaRPr lang="en-US" sz="1800" b="0" i="0" u="none" strike="noStrike" baseline="0" dirty="0">
              <a:latin typeface="Minion-Regular"/>
            </a:endParaRPr>
          </a:p>
          <a:p>
            <a:pPr algn="l"/>
            <a:r>
              <a:rPr lang="en-US" sz="1800" b="0" i="0" u="none" strike="noStrike" baseline="0" dirty="0">
                <a:latin typeface="Minion-Regular"/>
              </a:rPr>
              <a:t>5) despite what this slide suggests, it is probable that the effect statins have on bacterial infections is indirect, with some suggesting that co-treatment with statins results in the silencing of bacteria or may selectively target pathogenesis rather than true anti-microbial activity. </a:t>
            </a:r>
          </a:p>
          <a:p>
            <a:pPr algn="l"/>
            <a:endParaRPr lang="en-US" sz="1800" b="0" i="0" u="none" strike="noStrike" baseline="0" dirty="0">
              <a:latin typeface="Minion-Regular"/>
            </a:endParaRPr>
          </a:p>
          <a:p>
            <a:pPr algn="l"/>
            <a:r>
              <a:rPr lang="en-US" sz="1800" b="0" i="0" u="none" strike="noStrike" baseline="0" dirty="0">
                <a:latin typeface="Minion-Regular"/>
              </a:rPr>
              <a:t>6) The benefit of it not being directly </a:t>
            </a:r>
            <a:r>
              <a:rPr lang="en-US" sz="1800" b="0" i="0" u="none" strike="noStrike" baseline="0" dirty="0" err="1">
                <a:latin typeface="Minion-Regular"/>
              </a:rPr>
              <a:t>antimicrobiocidal</a:t>
            </a:r>
            <a:r>
              <a:rPr lang="en-US" sz="1800" b="0" i="0" u="none" strike="noStrike" baseline="0" dirty="0">
                <a:latin typeface="Minion-Regular"/>
              </a:rPr>
              <a:t>, i.e. the effect on bacteria is both direct and indirect;  is it removes the selective pressure that underpins the continued spread of antibiotic resistance among populations. </a:t>
            </a:r>
          </a:p>
          <a:p>
            <a:pPr algn="l"/>
            <a:endParaRPr lang="en-US" sz="1800" b="0" i="0" u="none" strike="noStrike" baseline="0" dirty="0">
              <a:latin typeface="Minion-Regular"/>
            </a:endParaRPr>
          </a:p>
          <a:p>
            <a:pPr algn="l"/>
            <a:r>
              <a:rPr lang="en-US" sz="1800" b="0" i="0" u="none" strike="noStrike" baseline="0" dirty="0">
                <a:latin typeface="Minion-Regular"/>
              </a:rPr>
              <a:t>But we need to explore how specifically Statins can impact on Tuberculosis… </a:t>
            </a:r>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6</a:t>
            </a:fld>
            <a:endParaRPr lang="en-SG"/>
          </a:p>
        </p:txBody>
      </p:sp>
    </p:spTree>
    <p:extLst>
      <p:ext uri="{BB962C8B-B14F-4D97-AF65-F5344CB8AC3E}">
        <p14:creationId xmlns:p14="http://schemas.microsoft.com/office/powerpoint/2010/main" val="25290100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strike="noStrike" baseline="0" dirty="0">
                <a:latin typeface="Bliss-Medium"/>
              </a:rPr>
              <a:t>Experiments by </a:t>
            </a:r>
            <a:r>
              <a:rPr lang="en-US" sz="1200" b="0" i="0" u="none" strike="noStrike" baseline="0" dirty="0" err="1">
                <a:latin typeface="Bliss-Medium"/>
              </a:rPr>
              <a:t>Gatfield</a:t>
            </a:r>
            <a:r>
              <a:rPr lang="en-US" sz="1200" b="0" i="0" u="none" strike="noStrike" baseline="0" dirty="0">
                <a:latin typeface="Bliss-Medium"/>
              </a:rPr>
              <a:t> and colleagues, showed that when macrophages were substantially </a:t>
            </a:r>
            <a:r>
              <a:rPr lang="en-US" sz="1200" b="0" i="0" u="none" strike="noStrike" baseline="0" dirty="0">
                <a:latin typeface="Bliss-Regular"/>
              </a:rPr>
              <a:t>depleted of cholesterol after culture with lovastatin, mycobacterial uptake into these macrophages was inhibited. </a:t>
            </a:r>
          </a:p>
          <a:p>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7</a:t>
            </a:fld>
            <a:endParaRPr lang="en-SG"/>
          </a:p>
        </p:txBody>
      </p:sp>
    </p:spTree>
    <p:extLst>
      <p:ext uri="{BB962C8B-B14F-4D97-AF65-F5344CB8AC3E}">
        <p14:creationId xmlns:p14="http://schemas.microsoft.com/office/powerpoint/2010/main" val="10089645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en-US" sz="1800" b="0" i="0" u="none" strike="noStrike" baseline="0" dirty="0">
                <a:latin typeface="Optima"/>
              </a:rPr>
              <a:t>1) After mycobacteria have gained access to macrophages, they occupy the mycobacterial phagosome, which has </a:t>
            </a:r>
          </a:p>
          <a:p>
            <a:pPr algn="l"/>
            <a:r>
              <a:rPr lang="en-US" sz="1800" b="0" i="0" u="none" strike="noStrike" baseline="0" dirty="0">
                <a:latin typeface="Optima"/>
              </a:rPr>
              <a:t>many features in common with the plasma membrane. </a:t>
            </a:r>
          </a:p>
          <a:p>
            <a:pPr algn="l"/>
            <a:endParaRPr lang="en-US" sz="1800" b="0" i="0" u="none" strike="noStrike" baseline="0" dirty="0">
              <a:latin typeface="GaramondThree"/>
            </a:endParaRPr>
          </a:p>
          <a:p>
            <a:pPr algn="l"/>
            <a:r>
              <a:rPr lang="en-US" sz="1800" b="0" i="0" u="none" strike="noStrike" baseline="0" dirty="0">
                <a:latin typeface="GaramondThree"/>
              </a:rPr>
              <a:t>2) Phagocytosis of living mycobacteria (blue) into macrophages triggers the recruitment of TACO (yellow) (also known as coronin 1 around the phagosome. </a:t>
            </a:r>
          </a:p>
          <a:p>
            <a:pPr algn="l"/>
            <a:endParaRPr lang="en-US" sz="1800" b="0" i="0" u="none" strike="noStrike" baseline="0" dirty="0">
              <a:latin typeface="GaramondThree"/>
            </a:endParaRPr>
          </a:p>
          <a:p>
            <a:pPr algn="l"/>
            <a:r>
              <a:rPr lang="en-US" sz="1800" b="0" i="0" u="none" strike="noStrike" baseline="0" dirty="0">
                <a:latin typeface="GaramondThree"/>
              </a:rPr>
              <a:t>3) In the case of killed mycobacteria, the TACO coat is removed in order to allow delivery of the </a:t>
            </a:r>
            <a:r>
              <a:rPr lang="en-US" sz="1800" b="0" i="0" u="none" strike="noStrike" baseline="0" dirty="0" err="1">
                <a:latin typeface="GaramondThree"/>
              </a:rPr>
              <a:t>phagosomal</a:t>
            </a:r>
            <a:r>
              <a:rPr lang="en-US" sz="1800" b="0" i="0" u="none" strike="noStrike" baseline="0" dirty="0">
                <a:latin typeface="GaramondThree"/>
              </a:rPr>
              <a:t> content to lysosomes, where this material is degraded. </a:t>
            </a:r>
          </a:p>
          <a:p>
            <a:pPr algn="l"/>
            <a:endParaRPr lang="en-US" sz="1800" b="0" i="0" u="none" strike="noStrike" baseline="0" dirty="0">
              <a:latin typeface="GaramondThree"/>
            </a:endParaRPr>
          </a:p>
          <a:p>
            <a:pPr algn="l"/>
            <a:r>
              <a:rPr lang="en-US" sz="1800" b="0" i="0" u="none" strike="noStrike" baseline="0" dirty="0">
                <a:latin typeface="GaramondThree"/>
              </a:rPr>
              <a:t>4) living mycobacteria have the capacity to retain TACO at the </a:t>
            </a:r>
            <a:r>
              <a:rPr lang="en-US" sz="1800" b="0" i="0" u="none" strike="noStrike" baseline="0" dirty="0" err="1">
                <a:latin typeface="GaramondThree"/>
              </a:rPr>
              <a:t>phagosomal</a:t>
            </a:r>
            <a:r>
              <a:rPr lang="en-US" sz="1800" b="0" i="0" u="none" strike="noStrike" baseline="0" dirty="0">
                <a:latin typeface="GaramondThree"/>
              </a:rPr>
              <a:t> membrane, thereby preventing their delivery to lysosomes, allowing them to survive within the phagosome. Association of TACO to </a:t>
            </a:r>
            <a:r>
              <a:rPr lang="en-SG" sz="1800" b="0" i="0" u="none" strike="noStrike" baseline="0" dirty="0" err="1">
                <a:latin typeface="GaramondThree"/>
              </a:rPr>
              <a:t>phagosomal</a:t>
            </a:r>
            <a:r>
              <a:rPr lang="en-SG" sz="1800" b="0" i="0" u="none" strike="noStrike" baseline="0" dirty="0">
                <a:latin typeface="GaramondThree"/>
              </a:rPr>
              <a:t> membranes occurs via cholesterol.</a:t>
            </a:r>
          </a:p>
          <a:p>
            <a:pPr algn="l"/>
            <a:endParaRPr lang="en-SG" sz="1800" b="0" i="0" u="none" strike="noStrike" baseline="0" dirty="0">
              <a:latin typeface="GaramondThree"/>
            </a:endParaRPr>
          </a:p>
          <a:p>
            <a:pPr algn="l"/>
            <a:r>
              <a:rPr lang="en-SG" sz="1800" b="0" i="0" u="none" strike="noStrike" baseline="0" dirty="0">
                <a:latin typeface="GaramondThree"/>
              </a:rPr>
              <a:t>5)</a:t>
            </a:r>
            <a:r>
              <a:rPr lang="en-SG" sz="1800" b="0" i="0" u="none" strike="noStrike" baseline="0" dirty="0" err="1">
                <a:latin typeface="TimesNewRomanPS"/>
              </a:rPr>
              <a:t>Gatfield</a:t>
            </a:r>
            <a:r>
              <a:rPr lang="en-SG" sz="1800" b="0" i="0" u="none" strike="noStrike" baseline="0" dirty="0">
                <a:latin typeface="TimesNewRomanPS"/>
              </a:rPr>
              <a:t> and Pieters isolated phagosomes from murine </a:t>
            </a:r>
            <a:r>
              <a:rPr lang="en-SG" sz="1800" b="0" i="0" u="none" strike="noStrike" baseline="0" dirty="0" err="1">
                <a:latin typeface="TimesNewRomanPS"/>
              </a:rPr>
              <a:t>macrophaes</a:t>
            </a:r>
            <a:r>
              <a:rPr lang="en-SG" sz="1800" b="0" i="0" u="none" strike="noStrike" baseline="0" dirty="0">
                <a:latin typeface="TimesNewRomanPS"/>
              </a:rPr>
              <a:t> infected with BCG and showed that a cholesterol sequestering agent, 0.02% digitonin, resulted in the solubilisation of TACO from the phagosome, concluding that TACO was associated with membranes in a cholesterol dependent manner. </a:t>
            </a:r>
          </a:p>
          <a:p>
            <a:pPr algn="l"/>
            <a:endParaRPr lang="en-SG" sz="1800" b="0" i="0" u="none" strike="noStrike" baseline="0" dirty="0">
              <a:latin typeface="TimesNewRomanPS"/>
            </a:endParaRPr>
          </a:p>
          <a:p>
            <a:pPr algn="l"/>
            <a:r>
              <a:rPr lang="en-SG" sz="1800" b="0" i="0" u="none" strike="noStrike" baseline="0" dirty="0">
                <a:latin typeface="TimesNewRomanPS"/>
              </a:rPr>
              <a:t>A little later I will show you data supporting how statins can promote </a:t>
            </a:r>
            <a:r>
              <a:rPr lang="en-SG" sz="1800" b="0" i="0" u="none" strike="noStrike" baseline="0" dirty="0" err="1">
                <a:latin typeface="TimesNewRomanPS"/>
              </a:rPr>
              <a:t>phagolysosomal</a:t>
            </a:r>
            <a:r>
              <a:rPr lang="en-SG" sz="1800" b="0" i="0" u="none" strike="noStrike" baseline="0" dirty="0">
                <a:latin typeface="TimesNewRomanPS"/>
              </a:rPr>
              <a:t> fusion of MTB infected macrophages. </a:t>
            </a:r>
            <a:endParaRPr lang="en-SG" sz="1800" dirty="0"/>
          </a:p>
          <a:p>
            <a:pPr algn="l"/>
            <a:endParaRPr lang="en-SG" sz="1800" b="0" i="0" u="none" strike="noStrike" baseline="0" dirty="0">
              <a:latin typeface="GaramondThree"/>
            </a:endParaRPr>
          </a:p>
          <a:p>
            <a:pPr algn="l"/>
            <a:endParaRPr lang="en-SG" dirty="0"/>
          </a:p>
        </p:txBody>
      </p:sp>
      <p:sp>
        <p:nvSpPr>
          <p:cNvPr id="4" name="Slide Number Placeholder 3"/>
          <p:cNvSpPr>
            <a:spLocks noGrp="1"/>
          </p:cNvSpPr>
          <p:nvPr>
            <p:ph type="sldNum" sz="quarter" idx="5"/>
          </p:nvPr>
        </p:nvSpPr>
        <p:spPr/>
        <p:txBody>
          <a:bodyPr/>
          <a:lstStyle/>
          <a:p>
            <a:fld id="{57DF695D-BA56-43CC-A204-0BF3B66CC629}" type="slidenum">
              <a:rPr lang="en-SG" smtClean="0"/>
              <a:t>8</a:t>
            </a:fld>
            <a:endParaRPr lang="en-SG"/>
          </a:p>
        </p:txBody>
      </p:sp>
    </p:spTree>
    <p:extLst>
      <p:ext uri="{BB962C8B-B14F-4D97-AF65-F5344CB8AC3E}">
        <p14:creationId xmlns:p14="http://schemas.microsoft.com/office/powerpoint/2010/main" val="237527847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SG" dirty="0"/>
              <a:t>Electron microscopy of a macrophage infected with M Avium. M. Avium within a phagosome membrane, which would be immature and thus un-able to fuse with the lysosome. </a:t>
            </a:r>
          </a:p>
          <a:p>
            <a:endParaRPr lang="en-SG" dirty="0"/>
          </a:p>
          <a:p>
            <a:r>
              <a:rPr lang="en-SG" dirty="0"/>
              <a:t>B showed after treatment resulting in cholesterol depletion, the phagosome membrane becomes loose and undulates around the mycobacterial surface</a:t>
            </a:r>
          </a:p>
          <a:p>
            <a:endParaRPr lang="en-SG" dirty="0"/>
          </a:p>
          <a:p>
            <a:r>
              <a:rPr lang="en-SG" dirty="0"/>
              <a:t>C: Phagosome containing MAC is seen fusing with a lysosome to form a phagolysosome. </a:t>
            </a:r>
          </a:p>
        </p:txBody>
      </p:sp>
      <p:sp>
        <p:nvSpPr>
          <p:cNvPr id="4" name="Slide Number Placeholder 3"/>
          <p:cNvSpPr>
            <a:spLocks noGrp="1"/>
          </p:cNvSpPr>
          <p:nvPr>
            <p:ph type="sldNum" sz="quarter" idx="5"/>
          </p:nvPr>
        </p:nvSpPr>
        <p:spPr/>
        <p:txBody>
          <a:bodyPr/>
          <a:lstStyle/>
          <a:p>
            <a:fld id="{57DF695D-BA56-43CC-A204-0BF3B66CC629}" type="slidenum">
              <a:rPr lang="en-SG" smtClean="0"/>
              <a:t>9</a:t>
            </a:fld>
            <a:endParaRPr lang="en-SG"/>
          </a:p>
        </p:txBody>
      </p:sp>
    </p:spTree>
    <p:extLst>
      <p:ext uri="{BB962C8B-B14F-4D97-AF65-F5344CB8AC3E}">
        <p14:creationId xmlns:p14="http://schemas.microsoft.com/office/powerpoint/2010/main" val="197959223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dirty="0"/>
              <a:t>Cholesterol is essential for growth and virulence of </a:t>
            </a:r>
            <a:r>
              <a:rPr lang="en-SG" dirty="0" err="1"/>
              <a:t>Mtb</a:t>
            </a:r>
            <a:endParaRPr lang="en-SG"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SG" b="0" i="0" dirty="0">
              <a:solidFill>
                <a:srgbClr val="525252"/>
              </a:solidFill>
              <a:effectLst/>
              <a:latin typeface="helvetica neue"/>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strike="noStrike" baseline="0" dirty="0">
                <a:solidFill>
                  <a:srgbClr val="000000"/>
                </a:solidFill>
                <a:latin typeface="LLJGE F+ Adv P A 183"/>
              </a:rPr>
              <a:t>1) MTB is able to </a:t>
            </a:r>
            <a:r>
              <a:rPr lang="en-US" sz="1200" b="0" i="0" u="none" strike="noStrike" baseline="0" dirty="0" err="1">
                <a:solidFill>
                  <a:srgbClr val="000000"/>
                </a:solidFill>
                <a:latin typeface="LLJGE F+ Adv P A 183"/>
              </a:rPr>
              <a:t>catabolise</a:t>
            </a:r>
            <a:r>
              <a:rPr lang="en-US" sz="1200" b="0" i="0" u="none" strike="noStrike" baseline="0" dirty="0">
                <a:solidFill>
                  <a:srgbClr val="000000"/>
                </a:solidFill>
                <a:latin typeface="LLJGE F+ Adv P A 183"/>
              </a:rPr>
              <a:t> both fatty acids and cholesterol for multiple metabolic functions: including i)energy synthesis, ii)virulence factor expression, iii) cell wall and outer membrane construction. </a:t>
            </a:r>
            <a:endParaRPr lang="en-US" b="0" i="0" dirty="0">
              <a:solidFill>
                <a:srgbClr val="525252"/>
              </a:solidFill>
              <a:effectLst/>
              <a:latin typeface="helvetica neue"/>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525252"/>
              </a:solidFill>
              <a:effectLst/>
              <a:latin typeface="helvetica neue"/>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solidFill>
                  <a:srgbClr val="525252"/>
                </a:solidFill>
                <a:effectLst/>
                <a:latin typeface="helvetica neue"/>
              </a:rPr>
              <a:t>2) Cholesterol is catabolized by MTB into acetyl-CoA and pyruvate which is shunted into the TCA cycle to generate carbon and energy.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525252"/>
              </a:solidFill>
              <a:effectLst/>
              <a:latin typeface="helvetica neue"/>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solidFill>
                  <a:srgbClr val="525252"/>
                </a:solidFill>
                <a:effectLst/>
                <a:latin typeface="helvetica neue"/>
              </a:rPr>
              <a:t>3) Secondly Cholesterol is also catabolized into </a:t>
            </a:r>
            <a:r>
              <a:rPr lang="en-US" sz="1800" b="0" i="0" u="none" strike="noStrike" baseline="0" dirty="0">
                <a:latin typeface="AdvP479F8A"/>
              </a:rPr>
              <a:t>Propionate, which is in fact toxic to bacterial cells and requires detoxification </a:t>
            </a:r>
            <a:r>
              <a:rPr lang="en-SG" sz="1800" b="0" i="0" u="none" strike="noStrike" baseline="0" dirty="0">
                <a:latin typeface="AdvP479F8A"/>
              </a:rPr>
              <a:t>to prevent accumulation. </a:t>
            </a:r>
            <a:r>
              <a:rPr lang="en-SG" sz="1800" b="0" i="0" u="none" strike="noStrike" baseline="0" dirty="0" err="1">
                <a:latin typeface="AdvP4114E6"/>
              </a:rPr>
              <a:t>Mtb</a:t>
            </a:r>
            <a:r>
              <a:rPr lang="en-SG" sz="1800" b="0" i="0" u="none" strike="noStrike" baseline="0" dirty="0">
                <a:latin typeface="AdvP4114E6"/>
              </a:rPr>
              <a:t> can </a:t>
            </a:r>
            <a:r>
              <a:rPr lang="en-SG" sz="1800" b="0" i="0" u="none" strike="noStrike" baseline="0" dirty="0">
                <a:latin typeface="AdvP479F8A"/>
              </a:rPr>
              <a:t>incorporate propionate </a:t>
            </a:r>
            <a:r>
              <a:rPr lang="en-US" sz="1800" b="0" i="0" u="none" strike="noStrike" baseline="0" dirty="0">
                <a:latin typeface="AdvP479F8A"/>
              </a:rPr>
              <a:t>into the biosynthesis of new lipids, including </a:t>
            </a:r>
            <a:r>
              <a:rPr lang="en-US" sz="1800" b="0" i="0" u="none" strike="noStrike" baseline="0" dirty="0" err="1">
                <a:latin typeface="AdvP479F8A"/>
              </a:rPr>
              <a:t>sulfolipid</a:t>
            </a:r>
            <a:r>
              <a:rPr lang="en-US" sz="1800" b="0" i="0" u="none" strike="noStrike" baseline="0" dirty="0">
                <a:latin typeface="AdvP479F8A"/>
              </a:rPr>
              <a:t> (SL-1) and </a:t>
            </a:r>
            <a:r>
              <a:rPr lang="en-SG" sz="1800" b="0" i="0" u="none" strike="noStrike" baseline="0" dirty="0">
                <a:latin typeface="AdvP479F8A"/>
              </a:rPr>
              <a:t>phthiocerol dimycocerosates PDIM-, which contribute to sustaining infection and virulenc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SG" sz="1800" b="0" i="0" u="none" strike="noStrike" baseline="0" dirty="0">
              <a:latin typeface="AdvP479F8A"/>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fr-FR" sz="1800" b="0" i="0" u="none" strike="noStrike" baseline="0" dirty="0">
                <a:latin typeface="AdvP479F8A"/>
              </a:rPr>
              <a:t>4) In </a:t>
            </a:r>
            <a:r>
              <a:rPr lang="en-US" sz="1800" b="0" i="0" u="none" strike="noStrike" baseline="0" dirty="0">
                <a:latin typeface="AdvP479F8A"/>
              </a:rPr>
              <a:t>the absence of carbon sources, when </a:t>
            </a:r>
            <a:r>
              <a:rPr lang="en-US" sz="1800" b="0" i="0" u="none" strike="noStrike" baseline="0" dirty="0" err="1">
                <a:latin typeface="AdvP479F8A"/>
              </a:rPr>
              <a:t>Mtb</a:t>
            </a:r>
            <a:r>
              <a:rPr lang="en-US" sz="1800" b="0" i="0" u="none" strike="noStrike" baseline="0" dirty="0">
                <a:latin typeface="AdvP479F8A"/>
              </a:rPr>
              <a:t> is grown in vitro on cholesterol alone,  there is an increase in the molecular weight of PDIM, which supports the hypothesis that in a cholesterol rich environment, this is an adaptive strategy to deal with a toxic catabolic product in a way that might </a:t>
            </a:r>
            <a:r>
              <a:rPr lang="en-SG" sz="1800" b="0" i="0" u="none" strike="noStrike" baseline="0" dirty="0">
                <a:latin typeface="AdvP479F8A"/>
              </a:rPr>
              <a:t>enhance virulence. </a:t>
            </a:r>
          </a:p>
        </p:txBody>
      </p:sp>
      <p:sp>
        <p:nvSpPr>
          <p:cNvPr id="4" name="Slide Number Placeholder 3"/>
          <p:cNvSpPr>
            <a:spLocks noGrp="1"/>
          </p:cNvSpPr>
          <p:nvPr>
            <p:ph type="sldNum" sz="quarter" idx="5"/>
          </p:nvPr>
        </p:nvSpPr>
        <p:spPr/>
        <p:txBody>
          <a:bodyPr/>
          <a:lstStyle/>
          <a:p>
            <a:fld id="{57DF695D-BA56-43CC-A204-0BF3B66CC629}" type="slidenum">
              <a:rPr lang="en-SG" smtClean="0"/>
              <a:t>10</a:t>
            </a:fld>
            <a:endParaRPr lang="en-SG"/>
          </a:p>
        </p:txBody>
      </p:sp>
    </p:spTree>
    <p:extLst>
      <p:ext uri="{BB962C8B-B14F-4D97-AF65-F5344CB8AC3E}">
        <p14:creationId xmlns:p14="http://schemas.microsoft.com/office/powerpoint/2010/main" val="35305201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8B9BEC2D-6880-49BD-B99B-B52214BC21C4}" type="datetimeFigureOut">
              <a:rPr lang="en-GB" smtClean="0"/>
              <a:t>16/10/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248804155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B9BEC2D-6880-49BD-B99B-B52214BC21C4}" type="datetimeFigureOut">
              <a:rPr lang="en-GB" smtClean="0"/>
              <a:t>16/10/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188999145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B9BEC2D-6880-49BD-B99B-B52214BC21C4}" type="datetimeFigureOut">
              <a:rPr lang="en-GB" smtClean="0"/>
              <a:t>16/10/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356989695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B9BEC2D-6880-49BD-B99B-B52214BC21C4}" type="datetimeFigureOut">
              <a:rPr lang="en-GB" smtClean="0"/>
              <a:t>16/10/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2784044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8B9BEC2D-6880-49BD-B99B-B52214BC21C4}" type="datetimeFigureOut">
              <a:rPr lang="en-GB" smtClean="0"/>
              <a:t>16/10/2021</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196685585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B9BEC2D-6880-49BD-B99B-B52214BC21C4}" type="datetimeFigureOut">
              <a:rPr lang="en-GB" smtClean="0"/>
              <a:t>16/10/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5322863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B9BEC2D-6880-49BD-B99B-B52214BC21C4}" type="datetimeFigureOut">
              <a:rPr lang="en-GB" smtClean="0"/>
              <a:t>16/10/2021</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42837923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B9BEC2D-6880-49BD-B99B-B52214BC21C4}" type="datetimeFigureOut">
              <a:rPr lang="en-GB" smtClean="0"/>
              <a:t>16/10/2021</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157674905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B9BEC2D-6880-49BD-B99B-B52214BC21C4}" type="datetimeFigureOut">
              <a:rPr lang="en-GB" smtClean="0"/>
              <a:t>16/10/2021</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1681568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B9BEC2D-6880-49BD-B99B-B52214BC21C4}" type="datetimeFigureOut">
              <a:rPr lang="en-GB" smtClean="0"/>
              <a:t>16/10/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426480405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8B9BEC2D-6880-49BD-B99B-B52214BC21C4}" type="datetimeFigureOut">
              <a:rPr lang="en-GB" smtClean="0"/>
              <a:t>16/10/2021</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3A6F47B7-1BCE-4782-B3E6-0E3349A6FDCC}" type="slidenum">
              <a:rPr lang="en-GB" smtClean="0"/>
              <a:t>‹#›</a:t>
            </a:fld>
            <a:endParaRPr lang="en-GB"/>
          </a:p>
        </p:txBody>
      </p:sp>
    </p:spTree>
    <p:extLst>
      <p:ext uri="{BB962C8B-B14F-4D97-AF65-F5344CB8AC3E}">
        <p14:creationId xmlns:p14="http://schemas.microsoft.com/office/powerpoint/2010/main" val="13417030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B9BEC2D-6880-49BD-B99B-B52214BC21C4}" type="datetimeFigureOut">
              <a:rPr lang="en-GB" smtClean="0"/>
              <a:t>16/10/2021</a:t>
            </a:fld>
            <a:endParaRPr lang="en-GB"/>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A6F47B7-1BCE-4782-B3E6-0E3349A6FDCC}" type="slidenum">
              <a:rPr lang="en-GB" smtClean="0"/>
              <a:t>‹#›</a:t>
            </a:fld>
            <a:endParaRPr lang="en-GB"/>
          </a:p>
        </p:txBody>
      </p:sp>
    </p:spTree>
    <p:extLst>
      <p:ext uri="{BB962C8B-B14F-4D97-AF65-F5344CB8AC3E}">
        <p14:creationId xmlns:p14="http://schemas.microsoft.com/office/powerpoint/2010/main" val="303006907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s://global.gotomeeting.com/join/180472637" TargetMode="External"/><Relationship Id="rId2" Type="http://schemas.openxmlformats.org/officeDocument/2006/relationships/image" Target="../media/image1.png"/><Relationship Id="rId1" Type="http://schemas.openxmlformats.org/officeDocument/2006/relationships/slideLayout" Target="../slideLayouts/slideLayout1.xml"/><Relationship Id="rId4" Type="http://schemas.openxmlformats.org/officeDocument/2006/relationships/image" Target="../media/image2.jpeg"/></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16.png"/></Relationships>
</file>

<file path=ppt/slides/_rels/slide15.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3.tiff"/><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image" Target="../media/image3.tiff"/><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3.tiff"/><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8" Type="http://schemas.openxmlformats.org/officeDocument/2006/relationships/image" Target="../media/image26.tiff"/><Relationship Id="rId3" Type="http://schemas.openxmlformats.org/officeDocument/2006/relationships/image" Target="../media/image21.png"/><Relationship Id="rId7" Type="http://schemas.openxmlformats.org/officeDocument/2006/relationships/image" Target="../media/image25.tiff"/><Relationship Id="rId2" Type="http://schemas.openxmlformats.org/officeDocument/2006/relationships/notesSlide" Target="../notesSlides/notesSlide18.xml"/><Relationship Id="rId1" Type="http://schemas.openxmlformats.org/officeDocument/2006/relationships/slideLayout" Target="../slideLayouts/slideLayout6.xml"/><Relationship Id="rId6" Type="http://schemas.openxmlformats.org/officeDocument/2006/relationships/image" Target="../media/image24.tiff"/><Relationship Id="rId5" Type="http://schemas.openxmlformats.org/officeDocument/2006/relationships/image" Target="../media/image23.tiff"/><Relationship Id="rId10" Type="http://schemas.openxmlformats.org/officeDocument/2006/relationships/image" Target="../media/image27.png"/><Relationship Id="rId4" Type="http://schemas.openxmlformats.org/officeDocument/2006/relationships/image" Target="../media/image22.png"/><Relationship Id="rId9" Type="http://schemas.openxmlformats.org/officeDocument/2006/relationships/image" Target="../media/image3.tiff"/></Relationships>
</file>

<file path=ppt/slides/_rels/slide27.xml.rels><?xml version="1.0" encoding="UTF-8" standalone="yes"?>
<Relationships xmlns="http://schemas.openxmlformats.org/package/2006/relationships"><Relationship Id="rId3" Type="http://schemas.openxmlformats.org/officeDocument/2006/relationships/image" Target="../media/image3.tiff"/><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2" Type="http://schemas.openxmlformats.org/officeDocument/2006/relationships/image" Target="../media/image3.tiff"/><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0.xml"/><Relationship Id="rId1" Type="http://schemas.openxmlformats.org/officeDocument/2006/relationships/slideLayout" Target="../slideLayouts/slideLayout2.xml"/><Relationship Id="rId4" Type="http://schemas.openxmlformats.org/officeDocument/2006/relationships/image" Target="../media/image3.tiff"/></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9.tiff"/><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3.tiff"/></Relationships>
</file>

<file path=ppt/slides/_rels/slide3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2.xml"/><Relationship Id="rId1" Type="http://schemas.openxmlformats.org/officeDocument/2006/relationships/slideLayout" Target="../slideLayouts/slideLayout2.xml"/><Relationship Id="rId4" Type="http://schemas.openxmlformats.org/officeDocument/2006/relationships/image" Target="../media/image3.tiff"/></Relationships>
</file>

<file path=ppt/slides/_rels/slide3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3.tiff"/></Relationships>
</file>

<file path=ppt/slides/_rels/slide3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205" Type="http://schemas.openxmlformats.org/officeDocument/2006/relationships/tags" Target="../tags/tag205.xml"/><Relationship Id="rId226" Type="http://schemas.openxmlformats.org/officeDocument/2006/relationships/tags" Target="../tags/tag22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181" Type="http://schemas.openxmlformats.org/officeDocument/2006/relationships/tags" Target="../tags/tag181.xml"/><Relationship Id="rId216" Type="http://schemas.openxmlformats.org/officeDocument/2006/relationships/tags" Target="../tags/tag216.xml"/><Relationship Id="rId237" Type="http://schemas.openxmlformats.org/officeDocument/2006/relationships/tags" Target="../tags/tag237.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92" Type="http://schemas.openxmlformats.org/officeDocument/2006/relationships/tags" Target="../tags/tag192.xml"/><Relationship Id="rId206" Type="http://schemas.openxmlformats.org/officeDocument/2006/relationships/tags" Target="../tags/tag206.xml"/><Relationship Id="rId227" Type="http://schemas.openxmlformats.org/officeDocument/2006/relationships/tags" Target="../tags/tag227.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182" Type="http://schemas.openxmlformats.org/officeDocument/2006/relationships/tags" Target="../tags/tag182.xml"/><Relationship Id="rId217" Type="http://schemas.openxmlformats.org/officeDocument/2006/relationships/tags" Target="../tags/tag217.xml"/><Relationship Id="rId6" Type="http://schemas.openxmlformats.org/officeDocument/2006/relationships/tags" Target="../tags/tag6.xml"/><Relationship Id="rId238" Type="http://schemas.openxmlformats.org/officeDocument/2006/relationships/slideLayout" Target="../slideLayouts/slideLayout7.xml"/><Relationship Id="rId23" Type="http://schemas.openxmlformats.org/officeDocument/2006/relationships/tags" Target="../tags/tag23.xml"/><Relationship Id="rId119" Type="http://schemas.openxmlformats.org/officeDocument/2006/relationships/tags" Target="../tags/tag119.xml"/><Relationship Id="rId44" Type="http://schemas.openxmlformats.org/officeDocument/2006/relationships/tags" Target="../tags/tag44.xml"/><Relationship Id="rId65" Type="http://schemas.openxmlformats.org/officeDocument/2006/relationships/tags" Target="../tags/tag65.xml"/><Relationship Id="rId86" Type="http://schemas.openxmlformats.org/officeDocument/2006/relationships/tags" Target="../tags/tag86.xml"/><Relationship Id="rId130" Type="http://schemas.openxmlformats.org/officeDocument/2006/relationships/tags" Target="../tags/tag130.xml"/><Relationship Id="rId151" Type="http://schemas.openxmlformats.org/officeDocument/2006/relationships/tags" Target="../tags/tag151.xml"/><Relationship Id="rId172" Type="http://schemas.openxmlformats.org/officeDocument/2006/relationships/tags" Target="../tags/tag172.xml"/><Relationship Id="rId193" Type="http://schemas.openxmlformats.org/officeDocument/2006/relationships/tags" Target="../tags/tag193.xml"/><Relationship Id="rId207" Type="http://schemas.openxmlformats.org/officeDocument/2006/relationships/tags" Target="../tags/tag207.xml"/><Relationship Id="rId228" Type="http://schemas.openxmlformats.org/officeDocument/2006/relationships/tags" Target="../tags/tag228.xml"/><Relationship Id="rId13" Type="http://schemas.openxmlformats.org/officeDocument/2006/relationships/tags" Target="../tags/tag13.xml"/><Relationship Id="rId109" Type="http://schemas.openxmlformats.org/officeDocument/2006/relationships/tags" Target="../tags/tag109.xml"/><Relationship Id="rId34" Type="http://schemas.openxmlformats.org/officeDocument/2006/relationships/tags" Target="../tags/tag34.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20" Type="http://schemas.openxmlformats.org/officeDocument/2006/relationships/tags" Target="../tags/tag120.xml"/><Relationship Id="rId141" Type="http://schemas.openxmlformats.org/officeDocument/2006/relationships/tags" Target="../tags/tag141.xml"/><Relationship Id="rId7" Type="http://schemas.openxmlformats.org/officeDocument/2006/relationships/tags" Target="../tags/tag7.xml"/><Relationship Id="rId162" Type="http://schemas.openxmlformats.org/officeDocument/2006/relationships/tags" Target="../tags/tag162.xml"/><Relationship Id="rId183" Type="http://schemas.openxmlformats.org/officeDocument/2006/relationships/tags" Target="../tags/tag183.xml"/><Relationship Id="rId218" Type="http://schemas.openxmlformats.org/officeDocument/2006/relationships/tags" Target="../tags/tag218.xml"/><Relationship Id="rId239" Type="http://schemas.openxmlformats.org/officeDocument/2006/relationships/image" Target="../media/image3.tiff"/><Relationship Id="rId24" Type="http://schemas.openxmlformats.org/officeDocument/2006/relationships/tags" Target="../tags/tag24.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31" Type="http://schemas.openxmlformats.org/officeDocument/2006/relationships/tags" Target="../tags/tag131.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208" Type="http://schemas.openxmlformats.org/officeDocument/2006/relationships/tags" Target="../tags/tag208.xml"/><Relationship Id="rId229" Type="http://schemas.openxmlformats.org/officeDocument/2006/relationships/tags" Target="../tags/tag229.xml"/><Relationship Id="rId14" Type="http://schemas.openxmlformats.org/officeDocument/2006/relationships/tags" Target="../tags/tag14.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219" Type="http://schemas.openxmlformats.org/officeDocument/2006/relationships/tags" Target="../tags/tag219.xml"/><Relationship Id="rId230" Type="http://schemas.openxmlformats.org/officeDocument/2006/relationships/tags" Target="../tags/tag230.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95" Type="http://schemas.openxmlformats.org/officeDocument/2006/relationships/tags" Target="../tags/tag195.xml"/><Relationship Id="rId209" Type="http://schemas.openxmlformats.org/officeDocument/2006/relationships/tags" Target="../tags/tag209.xml"/><Relationship Id="rId190" Type="http://schemas.openxmlformats.org/officeDocument/2006/relationships/tags" Target="../tags/tag190.xml"/><Relationship Id="rId204" Type="http://schemas.openxmlformats.org/officeDocument/2006/relationships/tags" Target="../tags/tag204.xml"/><Relationship Id="rId220" Type="http://schemas.openxmlformats.org/officeDocument/2006/relationships/tags" Target="../tags/tag220.xml"/><Relationship Id="rId225" Type="http://schemas.openxmlformats.org/officeDocument/2006/relationships/tags" Target="../tags/tag225.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10" Type="http://schemas.openxmlformats.org/officeDocument/2006/relationships/tags" Target="../tags/tag210.xml"/><Relationship Id="rId215" Type="http://schemas.openxmlformats.org/officeDocument/2006/relationships/tags" Target="../tags/tag215.xml"/><Relationship Id="rId236" Type="http://schemas.openxmlformats.org/officeDocument/2006/relationships/tags" Target="../tags/tag236.xml"/><Relationship Id="rId26" Type="http://schemas.openxmlformats.org/officeDocument/2006/relationships/tags" Target="../tags/tag26.xml"/><Relationship Id="rId231" Type="http://schemas.openxmlformats.org/officeDocument/2006/relationships/tags" Target="../tags/tag231.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211" Type="http://schemas.openxmlformats.org/officeDocument/2006/relationships/tags" Target="../tags/tag211.xml"/><Relationship Id="rId232" Type="http://schemas.openxmlformats.org/officeDocument/2006/relationships/tags" Target="../tags/tag232.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201" Type="http://schemas.openxmlformats.org/officeDocument/2006/relationships/tags" Target="../tags/tag201.xml"/><Relationship Id="rId222" Type="http://schemas.openxmlformats.org/officeDocument/2006/relationships/tags" Target="../tags/tag222.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1" Type="http://schemas.openxmlformats.org/officeDocument/2006/relationships/tags" Target="../tags/tag1.xml"/><Relationship Id="rId212" Type="http://schemas.openxmlformats.org/officeDocument/2006/relationships/tags" Target="../tags/tag212.xml"/><Relationship Id="rId233" Type="http://schemas.openxmlformats.org/officeDocument/2006/relationships/tags" Target="../tags/tag23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202" Type="http://schemas.openxmlformats.org/officeDocument/2006/relationships/tags" Target="../tags/tag202.xml"/><Relationship Id="rId223" Type="http://schemas.openxmlformats.org/officeDocument/2006/relationships/tags" Target="../tags/tag223.xml"/><Relationship Id="rId18" Type="http://schemas.openxmlformats.org/officeDocument/2006/relationships/tags" Target="../tags/tag18.xml"/><Relationship Id="rId39" Type="http://schemas.openxmlformats.org/officeDocument/2006/relationships/tags" Target="../tags/tag39.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34" Type="http://schemas.openxmlformats.org/officeDocument/2006/relationships/tags" Target="../tags/tag234.xml"/><Relationship Id="rId2" Type="http://schemas.openxmlformats.org/officeDocument/2006/relationships/tags" Target="../tags/tag2.xml"/><Relationship Id="rId29" Type="http://schemas.openxmlformats.org/officeDocument/2006/relationships/tags" Target="../tags/tag29.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 Id="rId3" Type="http://schemas.openxmlformats.org/officeDocument/2006/relationships/tags" Target="../tags/tag3.xml"/><Relationship Id="rId214" Type="http://schemas.openxmlformats.org/officeDocument/2006/relationships/tags" Target="../tags/tag214.xml"/><Relationship Id="rId235" Type="http://schemas.openxmlformats.org/officeDocument/2006/relationships/tags" Target="../tags/tag235.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179" Type="http://schemas.openxmlformats.org/officeDocument/2006/relationships/tags" Target="../tags/tag179.xml"/></Relationships>
</file>

<file path=ppt/slides/_rels/slide35.xml.rels><?xml version="1.0" encoding="UTF-8" standalone="yes"?>
<Relationships xmlns="http://schemas.openxmlformats.org/package/2006/relationships"><Relationship Id="rId8" Type="http://schemas.openxmlformats.org/officeDocument/2006/relationships/diagramColors" Target="../diagrams/colors3.xml"/><Relationship Id="rId3" Type="http://schemas.openxmlformats.org/officeDocument/2006/relationships/chart" Target="../charts/chart1.xml"/><Relationship Id="rId7" Type="http://schemas.openxmlformats.org/officeDocument/2006/relationships/diagramQuickStyle" Target="../diagrams/quickStyle3.xml"/><Relationship Id="rId2" Type="http://schemas.openxmlformats.org/officeDocument/2006/relationships/slideLayout" Target="../slideLayouts/slideLayout7.xml"/><Relationship Id="rId1" Type="http://schemas.openxmlformats.org/officeDocument/2006/relationships/tags" Target="../tags/tag238.xml"/><Relationship Id="rId6" Type="http://schemas.openxmlformats.org/officeDocument/2006/relationships/diagramLayout" Target="../diagrams/layout3.xml"/><Relationship Id="rId5" Type="http://schemas.openxmlformats.org/officeDocument/2006/relationships/diagramData" Target="../diagrams/data3.xml"/><Relationship Id="rId4" Type="http://schemas.openxmlformats.org/officeDocument/2006/relationships/image" Target="../media/image3.tiff"/><Relationship Id="rId9" Type="http://schemas.microsoft.com/office/2007/relationships/diagramDrawing" Target="../diagrams/drawing3.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2" Type="http://schemas.openxmlformats.org/officeDocument/2006/relationships/image" Target="../media/image3.tiff"/><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3.tiff"/><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8" Type="http://schemas.openxmlformats.org/officeDocument/2006/relationships/image" Target="../media/image38.png"/><Relationship Id="rId13" Type="http://schemas.openxmlformats.org/officeDocument/2006/relationships/image" Target="../media/image26.tiff"/><Relationship Id="rId18" Type="http://schemas.openxmlformats.org/officeDocument/2006/relationships/image" Target="../media/image45.jpeg"/><Relationship Id="rId3" Type="http://schemas.openxmlformats.org/officeDocument/2006/relationships/image" Target="../media/image33.jpeg"/><Relationship Id="rId21" Type="http://schemas.openxmlformats.org/officeDocument/2006/relationships/image" Target="../media/image27.png"/><Relationship Id="rId7" Type="http://schemas.openxmlformats.org/officeDocument/2006/relationships/image" Target="../media/image37.jpeg"/><Relationship Id="rId12" Type="http://schemas.openxmlformats.org/officeDocument/2006/relationships/image" Target="../media/image24.tiff"/><Relationship Id="rId17" Type="http://schemas.openxmlformats.org/officeDocument/2006/relationships/image" Target="../media/image44.png"/><Relationship Id="rId2" Type="http://schemas.openxmlformats.org/officeDocument/2006/relationships/notesSlide" Target="../notesSlides/notesSlide26.xml"/><Relationship Id="rId16" Type="http://schemas.openxmlformats.org/officeDocument/2006/relationships/image" Target="../media/image43.png"/><Relationship Id="rId20" Type="http://schemas.openxmlformats.org/officeDocument/2006/relationships/image" Target="../media/image47.png"/><Relationship Id="rId1" Type="http://schemas.openxmlformats.org/officeDocument/2006/relationships/slideLayout" Target="../slideLayouts/slideLayout8.xml"/><Relationship Id="rId6" Type="http://schemas.openxmlformats.org/officeDocument/2006/relationships/image" Target="../media/image36.png"/><Relationship Id="rId11" Type="http://schemas.openxmlformats.org/officeDocument/2006/relationships/image" Target="../media/image40.jpeg"/><Relationship Id="rId24" Type="http://schemas.openxmlformats.org/officeDocument/2006/relationships/image" Target="../media/image50.png"/><Relationship Id="rId5" Type="http://schemas.openxmlformats.org/officeDocument/2006/relationships/image" Target="../media/image35.png"/><Relationship Id="rId15" Type="http://schemas.openxmlformats.org/officeDocument/2006/relationships/image" Target="../media/image42.png"/><Relationship Id="rId23" Type="http://schemas.openxmlformats.org/officeDocument/2006/relationships/image" Target="../media/image49.png"/><Relationship Id="rId10" Type="http://schemas.openxmlformats.org/officeDocument/2006/relationships/image" Target="../media/image23.tiff"/><Relationship Id="rId19" Type="http://schemas.openxmlformats.org/officeDocument/2006/relationships/image" Target="../media/image46.jpeg"/><Relationship Id="rId4" Type="http://schemas.openxmlformats.org/officeDocument/2006/relationships/image" Target="../media/image34.jpeg"/><Relationship Id="rId9" Type="http://schemas.openxmlformats.org/officeDocument/2006/relationships/image" Target="../media/image39.jpg"/><Relationship Id="rId14" Type="http://schemas.openxmlformats.org/officeDocument/2006/relationships/image" Target="../media/image41.tif"/><Relationship Id="rId22" Type="http://schemas.openxmlformats.org/officeDocument/2006/relationships/image" Target="../media/image48.jp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rgbClr val="FF0000"/>
        </a:solidFill>
        <a:effectLst/>
      </p:bgPr>
    </p:bg>
    <p:spTree>
      <p:nvGrpSpPr>
        <p:cNvPr id="1" name=""/>
        <p:cNvGrpSpPr/>
        <p:nvPr/>
      </p:nvGrpSpPr>
      <p:grpSpPr>
        <a:xfrm>
          <a:off x="0" y="0"/>
          <a:ext cx="0" cy="0"/>
          <a:chOff x="0" y="0"/>
          <a:chExt cx="0" cy="0"/>
        </a:xfrm>
      </p:grpSpPr>
      <p:sp>
        <p:nvSpPr>
          <p:cNvPr id="5" name="Rounded Rectangle 4"/>
          <p:cNvSpPr/>
          <p:nvPr/>
        </p:nvSpPr>
        <p:spPr>
          <a:xfrm>
            <a:off x="101023" y="97436"/>
            <a:ext cx="2427542" cy="2110822"/>
          </a:xfrm>
          <a:prstGeom prst="roundRect">
            <a:avLst/>
          </a:prstGeom>
          <a:solidFill>
            <a:schemeClr val="bg1"/>
          </a:solidFill>
          <a:ln w="762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4" name="Picture 3"/>
          <p:cNvPicPr>
            <a:picLocks noChangeAspect="1"/>
          </p:cNvPicPr>
          <p:nvPr/>
        </p:nvPicPr>
        <p:blipFill rotWithShape="1">
          <a:blip r:embed="rId2"/>
          <a:srcRect l="3652" t="10952" r="6582" b="12153"/>
          <a:stretch/>
        </p:blipFill>
        <p:spPr>
          <a:xfrm>
            <a:off x="201319" y="366652"/>
            <a:ext cx="2277283" cy="916356"/>
          </a:xfrm>
          <a:prstGeom prst="rect">
            <a:avLst/>
          </a:prstGeom>
        </p:spPr>
      </p:pic>
      <p:sp>
        <p:nvSpPr>
          <p:cNvPr id="12" name="Rounded Rectangle 11"/>
          <p:cNvSpPr/>
          <p:nvPr/>
        </p:nvSpPr>
        <p:spPr>
          <a:xfrm>
            <a:off x="7316787" y="120175"/>
            <a:ext cx="1711992" cy="2097519"/>
          </a:xfrm>
          <a:prstGeom prst="round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a:solidFill>
                  <a:schemeClr val="tx1"/>
                </a:solidFill>
              </a:rPr>
              <a:t>YOUR PHOTO HERE</a:t>
            </a:r>
          </a:p>
        </p:txBody>
      </p:sp>
      <p:sp>
        <p:nvSpPr>
          <p:cNvPr id="6" name="Rectangle 5"/>
          <p:cNvSpPr/>
          <p:nvPr/>
        </p:nvSpPr>
        <p:spPr>
          <a:xfrm>
            <a:off x="-1" y="3145934"/>
            <a:ext cx="9090213" cy="371206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extBox 6"/>
          <p:cNvSpPr txBox="1"/>
          <p:nvPr/>
        </p:nvSpPr>
        <p:spPr>
          <a:xfrm>
            <a:off x="3518577" y="3624666"/>
            <a:ext cx="5490951" cy="2754600"/>
          </a:xfrm>
          <a:prstGeom prst="rect">
            <a:avLst/>
          </a:prstGeom>
          <a:noFill/>
        </p:spPr>
        <p:txBody>
          <a:bodyPr wrap="square" rtlCol="0">
            <a:spAutoFit/>
          </a:bodyPr>
          <a:lstStyle/>
          <a:p>
            <a:r>
              <a:rPr lang="en-GB" sz="4400" b="1" dirty="0">
                <a:solidFill>
                  <a:schemeClr val="bg1"/>
                </a:solidFill>
                <a:effectLst>
                  <a:outerShdw blurRad="38100" dist="38100" dir="2700000" algn="tl">
                    <a:srgbClr val="000000">
                      <a:alpha val="43137"/>
                    </a:srgbClr>
                  </a:outerShdw>
                </a:effectLst>
              </a:rPr>
              <a:t>Prof James Chalmers</a:t>
            </a:r>
          </a:p>
          <a:p>
            <a:r>
              <a:rPr lang="en-GB" sz="2300" b="1" dirty="0">
                <a:solidFill>
                  <a:schemeClr val="bg1"/>
                </a:solidFill>
                <a:effectLst>
                  <a:outerShdw blurRad="38100" dist="38100" dir="2700000" algn="tl">
                    <a:srgbClr val="000000">
                      <a:alpha val="43137"/>
                    </a:srgbClr>
                  </a:outerShdw>
                </a:effectLst>
              </a:rPr>
              <a:t>Chair of Respiratory</a:t>
            </a:r>
          </a:p>
          <a:p>
            <a:r>
              <a:rPr lang="en-GB" sz="2300" b="1" dirty="0">
                <a:solidFill>
                  <a:schemeClr val="bg1"/>
                </a:solidFill>
                <a:effectLst>
                  <a:outerShdw blurRad="38100" dist="38100" dir="2700000" algn="tl">
                    <a:srgbClr val="000000">
                      <a:alpha val="43137"/>
                    </a:srgbClr>
                  </a:outerShdw>
                </a:effectLst>
              </a:rPr>
              <a:t>Research</a:t>
            </a:r>
          </a:p>
          <a:p>
            <a:r>
              <a:rPr lang="en-GB" sz="2300" b="1" dirty="0">
                <a:solidFill>
                  <a:schemeClr val="bg1"/>
                </a:solidFill>
                <a:effectLst>
                  <a:outerShdw blurRad="38100" dist="38100" dir="2700000" algn="tl">
                    <a:srgbClr val="000000">
                      <a:alpha val="43137"/>
                    </a:srgbClr>
                  </a:outerShdw>
                </a:effectLst>
              </a:rPr>
              <a:t>University of Dundee</a:t>
            </a:r>
          </a:p>
          <a:p>
            <a:endParaRPr lang="en-GB" sz="1000" b="1" dirty="0">
              <a:solidFill>
                <a:schemeClr val="bg1"/>
              </a:solidFill>
              <a:effectLst>
                <a:outerShdw blurRad="38100" dist="38100" dir="2700000" algn="tl">
                  <a:srgbClr val="000000">
                    <a:alpha val="43137"/>
                  </a:srgbClr>
                </a:outerShdw>
              </a:effectLst>
            </a:endParaRPr>
          </a:p>
          <a:p>
            <a:r>
              <a:rPr lang="en-GB" sz="2400" b="1" dirty="0">
                <a:solidFill>
                  <a:schemeClr val="bg1"/>
                </a:solidFill>
                <a:effectLst>
                  <a:outerShdw blurRad="38100" dist="38100" dir="2700000" algn="tl">
                    <a:srgbClr val="000000">
                      <a:alpha val="43137"/>
                    </a:srgbClr>
                  </a:outerShdw>
                </a:effectLst>
              </a:rPr>
              <a:t>Thurs 13</a:t>
            </a:r>
            <a:r>
              <a:rPr lang="en-GB" sz="2400" b="1" baseline="30000" dirty="0">
                <a:solidFill>
                  <a:schemeClr val="bg1"/>
                </a:solidFill>
                <a:effectLst>
                  <a:outerShdw blurRad="38100" dist="38100" dir="2700000" algn="tl">
                    <a:srgbClr val="000000">
                      <a:alpha val="43137"/>
                    </a:srgbClr>
                  </a:outerShdw>
                </a:effectLst>
              </a:rPr>
              <a:t>th</a:t>
            </a:r>
            <a:r>
              <a:rPr lang="en-GB" sz="2400" b="1" dirty="0">
                <a:solidFill>
                  <a:schemeClr val="bg1"/>
                </a:solidFill>
                <a:effectLst>
                  <a:outerShdw blurRad="38100" dist="38100" dir="2700000" algn="tl">
                    <a:srgbClr val="000000">
                      <a:alpha val="43137"/>
                    </a:srgbClr>
                  </a:outerShdw>
                </a:effectLst>
              </a:rPr>
              <a:t> December, 2-3pm</a:t>
            </a:r>
          </a:p>
          <a:p>
            <a:r>
              <a:rPr lang="en-GB" sz="2600" b="1" dirty="0">
                <a:solidFill>
                  <a:schemeClr val="bg1"/>
                </a:solidFill>
                <a:effectLst>
                  <a:outerShdw blurRad="38100" dist="38100" dir="2700000" algn="tl">
                    <a:srgbClr val="000000">
                      <a:alpha val="43137"/>
                    </a:srgbClr>
                  </a:outerShdw>
                </a:effectLst>
              </a:rPr>
              <a:t>CTID Boardroom, LSTM</a:t>
            </a:r>
          </a:p>
        </p:txBody>
      </p:sp>
      <p:sp>
        <p:nvSpPr>
          <p:cNvPr id="9" name="Rectangle 8"/>
          <p:cNvSpPr/>
          <p:nvPr/>
        </p:nvSpPr>
        <p:spPr>
          <a:xfrm>
            <a:off x="0" y="2378476"/>
            <a:ext cx="9144000" cy="4479524"/>
          </a:xfrm>
          <a:prstGeom prst="rect">
            <a:avLst/>
          </a:prstGeom>
          <a:ln>
            <a:noFill/>
          </a:ln>
        </p:spPr>
        <p:style>
          <a:lnRef idx="2">
            <a:schemeClr val="dk1">
              <a:shade val="50000"/>
            </a:schemeClr>
          </a:lnRef>
          <a:fillRef idx="1">
            <a:schemeClr val="dk1"/>
          </a:fillRef>
          <a:effectRef idx="0">
            <a:schemeClr val="dk1"/>
          </a:effectRef>
          <a:fontRef idx="minor">
            <a:schemeClr val="lt1"/>
          </a:fontRef>
        </p:style>
        <p:txBody>
          <a:bodyPr rtlCol="0" anchor="ctr"/>
          <a:lstStyle/>
          <a:p>
            <a:pPr algn="ctr"/>
            <a:endParaRPr lang="en-GB" sz="4000" b="1" dirty="0"/>
          </a:p>
        </p:txBody>
      </p:sp>
      <p:sp>
        <p:nvSpPr>
          <p:cNvPr id="10" name="Rectangle 9"/>
          <p:cNvSpPr/>
          <p:nvPr/>
        </p:nvSpPr>
        <p:spPr>
          <a:xfrm>
            <a:off x="101023" y="3145702"/>
            <a:ext cx="8915486" cy="3016210"/>
          </a:xfrm>
          <a:prstGeom prst="rect">
            <a:avLst/>
          </a:prstGeom>
          <a:solidFill>
            <a:schemeClr val="bg1"/>
          </a:solidFill>
        </p:spPr>
        <p:txBody>
          <a:bodyPr wrap="square">
            <a:spAutoFit/>
          </a:bodyPr>
          <a:lstStyle/>
          <a:p>
            <a:pPr algn="just"/>
            <a:r>
              <a:rPr lang="en-US" sz="1450" dirty="0"/>
              <a:t>Gail is an Infectious Diseases physician with interest in Tuberculosis, HIV and COVID-19. She graduated with BSc (UNSW, 2000) and MBBS (Monash University, 2006). She has worked in multiple hospitals around Australia including several in Melbourne, Brisbane and in the Northern Territory. Part of her Infectious Diseases training included a 6-month epidemiological study of Tuberculosis in the remote Gulf Province of Papua New Guinea. She became a Fellow of the Royal Australasian College of Physicians (Infectious Diseases) in 2014, and moved to Singapore to undertake a research fellowship at the National University of Singapore with Prof Nick Paton in Clinical Trials TB research. She is currently a consultant physician in Infectious Diseases at the National University Hospital, Singapore. She is also currently a PhD candidate through the Kirby Institute, University of New South Wales, with the ROSETTA trial as the basis for her PhD.  </a:t>
            </a:r>
            <a:endParaRPr lang="en-US" sz="1600" dirty="0">
              <a:solidFill>
                <a:srgbClr val="212529"/>
              </a:solidFill>
              <a:latin typeface="Open Sans"/>
            </a:endParaRPr>
          </a:p>
          <a:p>
            <a:pPr algn="just"/>
            <a:r>
              <a:rPr lang="en-US" sz="1600" b="0" i="0" dirty="0">
                <a:solidFill>
                  <a:srgbClr val="212529"/>
                </a:solidFill>
                <a:effectLst/>
                <a:latin typeface="Open Sans"/>
              </a:rPr>
              <a:t> </a:t>
            </a:r>
            <a:endParaRPr lang="en-GB" sz="1450" dirty="0"/>
          </a:p>
          <a:p>
            <a:pPr algn="just"/>
            <a:r>
              <a:rPr lang="en-GB" sz="1450" b="1" dirty="0"/>
              <a:t>Today’s topic</a:t>
            </a:r>
          </a:p>
          <a:p>
            <a:pPr algn="just"/>
            <a:r>
              <a:rPr lang="en-GB" sz="1450" dirty="0"/>
              <a:t>Gail will give an overview of the ROSETTA trial, including the rationale for the use of statins as host directed therapy, the trial progress thus far and an overview of biomarker sub-studies. </a:t>
            </a:r>
            <a:endParaRPr lang="en-GB" sz="400" dirty="0"/>
          </a:p>
        </p:txBody>
      </p:sp>
      <p:sp>
        <p:nvSpPr>
          <p:cNvPr id="3" name="Rectangle 2"/>
          <p:cNvSpPr/>
          <p:nvPr/>
        </p:nvSpPr>
        <p:spPr>
          <a:xfrm>
            <a:off x="-1" y="2366174"/>
            <a:ext cx="9144000" cy="523220"/>
          </a:xfrm>
          <a:prstGeom prst="rect">
            <a:avLst/>
          </a:prstGeom>
        </p:spPr>
        <p:txBody>
          <a:bodyPr wrap="square">
            <a:spAutoFit/>
          </a:bodyPr>
          <a:lstStyle/>
          <a:p>
            <a:pPr lvl="0" algn="ctr"/>
            <a:r>
              <a:rPr lang="en-GB" sz="2800" b="1" dirty="0">
                <a:solidFill>
                  <a:schemeClr val="bg1"/>
                </a:solidFill>
              </a:rPr>
              <a:t>ROSETTA trial: Adjunctive Rosuvastatin in Pulmonary TB </a:t>
            </a:r>
            <a:endParaRPr lang="en-GB" sz="4800" b="1" dirty="0">
              <a:solidFill>
                <a:schemeClr val="bg1"/>
              </a:solidFill>
            </a:endParaRPr>
          </a:p>
        </p:txBody>
      </p:sp>
      <p:sp>
        <p:nvSpPr>
          <p:cNvPr id="14" name="TextBox 13"/>
          <p:cNvSpPr txBox="1"/>
          <p:nvPr/>
        </p:nvSpPr>
        <p:spPr>
          <a:xfrm>
            <a:off x="2574755" y="40783"/>
            <a:ext cx="4774458" cy="2185214"/>
          </a:xfrm>
          <a:prstGeom prst="rect">
            <a:avLst/>
          </a:prstGeom>
          <a:noFill/>
        </p:spPr>
        <p:txBody>
          <a:bodyPr wrap="square" rtlCol="0">
            <a:spAutoFit/>
          </a:bodyPr>
          <a:lstStyle/>
          <a:p>
            <a:r>
              <a:rPr lang="en-GB" sz="3800" b="1" dirty="0">
                <a:solidFill>
                  <a:schemeClr val="bg1"/>
                </a:solidFill>
                <a:effectLst>
                  <a:outerShdw blurRad="38100" dist="38100" dir="2700000" algn="tl">
                    <a:srgbClr val="000000">
                      <a:alpha val="43137"/>
                    </a:srgbClr>
                  </a:outerShdw>
                </a:effectLst>
              </a:rPr>
              <a:t>Dr Gail Brenda Cross</a:t>
            </a:r>
          </a:p>
          <a:p>
            <a:r>
              <a:rPr lang="en-GB" sz="2000" b="1" dirty="0">
                <a:solidFill>
                  <a:schemeClr val="bg1"/>
                </a:solidFill>
                <a:effectLst>
                  <a:outerShdw blurRad="38100" dist="38100" dir="2700000" algn="tl">
                    <a:srgbClr val="000000">
                      <a:alpha val="43137"/>
                    </a:srgbClr>
                  </a:outerShdw>
                </a:effectLst>
              </a:rPr>
              <a:t>Consultant in Infectious Diseases</a:t>
            </a:r>
          </a:p>
          <a:p>
            <a:r>
              <a:rPr lang="en-GB" sz="2000" b="1" dirty="0">
                <a:solidFill>
                  <a:schemeClr val="bg1"/>
                </a:solidFill>
                <a:effectLst>
                  <a:outerShdw blurRad="38100" dist="38100" dir="2700000" algn="tl">
                    <a:srgbClr val="000000">
                      <a:alpha val="43137"/>
                    </a:srgbClr>
                  </a:outerShdw>
                </a:effectLst>
              </a:rPr>
              <a:t>National University Hospital, Singapore</a:t>
            </a:r>
          </a:p>
          <a:p>
            <a:endParaRPr lang="en-GB" sz="2000" b="1" dirty="0">
              <a:solidFill>
                <a:schemeClr val="bg1"/>
              </a:solidFill>
              <a:effectLst>
                <a:outerShdw blurRad="38100" dist="38100" dir="2700000" algn="tl">
                  <a:srgbClr val="000000">
                    <a:alpha val="43137"/>
                  </a:srgbClr>
                </a:outerShdw>
              </a:effectLst>
            </a:endParaRPr>
          </a:p>
          <a:p>
            <a:r>
              <a:rPr lang="en-GB" sz="2000" b="1" dirty="0">
                <a:solidFill>
                  <a:schemeClr val="bg1"/>
                </a:solidFill>
                <a:effectLst>
                  <a:outerShdw blurRad="38100" dist="38100" dir="2700000" algn="tl">
                    <a:srgbClr val="000000">
                      <a:alpha val="43137"/>
                    </a:srgbClr>
                  </a:outerShdw>
                </a:effectLst>
              </a:rPr>
              <a:t>Thursday 15</a:t>
            </a:r>
            <a:r>
              <a:rPr lang="en-GB" sz="2000" b="1" baseline="30000" dirty="0">
                <a:solidFill>
                  <a:schemeClr val="bg1"/>
                </a:solidFill>
                <a:effectLst>
                  <a:outerShdw blurRad="38100" dist="38100" dir="2700000" algn="tl">
                    <a:srgbClr val="000000">
                      <a:alpha val="43137"/>
                    </a:srgbClr>
                  </a:outerShdw>
                </a:effectLst>
              </a:rPr>
              <a:t>th</a:t>
            </a:r>
            <a:r>
              <a:rPr lang="en-GB" sz="2000" b="1" dirty="0">
                <a:solidFill>
                  <a:schemeClr val="bg1"/>
                </a:solidFill>
                <a:effectLst>
                  <a:outerShdw blurRad="38100" dist="38100" dir="2700000" algn="tl">
                    <a:srgbClr val="000000">
                      <a:alpha val="43137"/>
                    </a:srgbClr>
                  </a:outerShdw>
                </a:effectLst>
              </a:rPr>
              <a:t> April 2021 12:30-13:30pm</a:t>
            </a:r>
            <a:endParaRPr lang="en-GB" sz="1400" b="1" dirty="0">
              <a:solidFill>
                <a:schemeClr val="bg1"/>
              </a:solidFill>
              <a:effectLst>
                <a:outerShdw blurRad="38100" dist="38100" dir="2700000" algn="tl">
                  <a:srgbClr val="000000">
                    <a:alpha val="43137"/>
                  </a:srgbClr>
                </a:outerShdw>
              </a:effectLst>
            </a:endParaRPr>
          </a:p>
          <a:p>
            <a:r>
              <a:rPr kumimoji="0" lang="en-GB" sz="1600" b="0" i="0" u="sng"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hlinkClick r:id="rId3">
                  <a:extLst>
                    <a:ext uri="{A12FA001-AC4F-418D-AE19-62706E023703}">
                      <ahyp:hlinkClr xmlns:ahyp="http://schemas.microsoft.com/office/drawing/2018/hyperlinkcolor" val="tx"/>
                    </a:ext>
                  </a:extLst>
                </a:hlinkClick>
              </a:rPr>
              <a:t>h</a:t>
            </a:r>
            <a:r>
              <a:rPr kumimoji="0" lang="en-GB" sz="1800" b="0" i="0" u="sng"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mn-cs"/>
                <a:hlinkClick r:id="rId3">
                  <a:extLst>
                    <a:ext uri="{A12FA001-AC4F-418D-AE19-62706E023703}">
                      <ahyp:hlinkClr xmlns:ahyp="http://schemas.microsoft.com/office/drawing/2018/hyperlinkcolor" val="tx"/>
                    </a:ext>
                  </a:extLst>
                </a:hlinkClick>
              </a:rPr>
              <a:t>ttps://global.gotomeeting.com/join/180472637</a:t>
            </a:r>
            <a:endParaRPr lang="en-GB" sz="1750" b="1" dirty="0">
              <a:solidFill>
                <a:schemeClr val="bg1">
                  <a:lumMod val="95000"/>
                </a:schemeClr>
              </a:solidFill>
              <a:effectLst>
                <a:outerShdw blurRad="38100" dist="38100" dir="2700000" algn="tl">
                  <a:srgbClr val="000000">
                    <a:alpha val="43137"/>
                  </a:srgbClr>
                </a:outerShdw>
              </a:effectLst>
            </a:endParaRPr>
          </a:p>
        </p:txBody>
      </p:sp>
      <p:sp>
        <p:nvSpPr>
          <p:cNvPr id="13" name="TextBox 12"/>
          <p:cNvSpPr txBox="1"/>
          <p:nvPr/>
        </p:nvSpPr>
        <p:spPr>
          <a:xfrm>
            <a:off x="76712" y="1208620"/>
            <a:ext cx="2352411" cy="954107"/>
          </a:xfrm>
          <a:prstGeom prst="rect">
            <a:avLst/>
          </a:prstGeom>
          <a:noFill/>
        </p:spPr>
        <p:txBody>
          <a:bodyPr wrap="square" rtlCol="0">
            <a:spAutoFit/>
          </a:bodyPr>
          <a:lstStyle/>
          <a:p>
            <a:pPr algn="ctr"/>
            <a:r>
              <a:rPr lang="en-GB" sz="2800" b="1" i="1" dirty="0">
                <a:solidFill>
                  <a:srgbClr val="FF0000"/>
                </a:solidFill>
                <a:effectLst>
                  <a:outerShdw blurRad="38100" dist="38100" dir="2700000" algn="tl">
                    <a:srgbClr val="000000">
                      <a:alpha val="43137"/>
                    </a:srgbClr>
                  </a:outerShdw>
                </a:effectLst>
              </a:rPr>
              <a:t>VIRTUAL</a:t>
            </a:r>
          </a:p>
          <a:p>
            <a:pPr algn="ctr"/>
            <a:r>
              <a:rPr lang="en-GB" sz="2800" b="1" i="1" dirty="0">
                <a:solidFill>
                  <a:srgbClr val="FF0000"/>
                </a:solidFill>
                <a:effectLst>
                  <a:outerShdw blurRad="38100" dist="38100" dir="2700000" algn="tl">
                    <a:srgbClr val="000000">
                      <a:alpha val="43137"/>
                    </a:srgbClr>
                  </a:outerShdw>
                </a:effectLst>
              </a:rPr>
              <a:t>SESSION!</a:t>
            </a:r>
          </a:p>
        </p:txBody>
      </p:sp>
      <p:sp>
        <p:nvSpPr>
          <p:cNvPr id="11" name="Rounded Rectangle 10"/>
          <p:cNvSpPr/>
          <p:nvPr/>
        </p:nvSpPr>
        <p:spPr>
          <a:xfrm>
            <a:off x="7308973" y="119571"/>
            <a:ext cx="1700556" cy="2098123"/>
          </a:xfrm>
          <a:prstGeom prst="roundRect">
            <a:avLst/>
          </a:prstGeom>
          <a:noFill/>
          <a:ln w="1270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8" name="Picture 7" descr="A person smiling for the camera&#10;&#10;Description automatically generated with low confidence">
            <a:extLst>
              <a:ext uri="{FF2B5EF4-FFF2-40B4-BE49-F238E27FC236}">
                <a16:creationId xmlns:a16="http://schemas.microsoft.com/office/drawing/2014/main" id="{36C22B8E-CA7A-4EE3-8076-BB05041953A3}"/>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443831" y="269627"/>
            <a:ext cx="1465294" cy="1831618"/>
          </a:xfrm>
          <a:prstGeom prst="rect">
            <a:avLst/>
          </a:prstGeom>
        </p:spPr>
      </p:pic>
    </p:spTree>
    <p:extLst>
      <p:ext uri="{BB962C8B-B14F-4D97-AF65-F5344CB8AC3E}">
        <p14:creationId xmlns:p14="http://schemas.microsoft.com/office/powerpoint/2010/main" val="181717958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D7850F77-852B-40D1-A19D-85DC12C5E06D}"/>
              </a:ext>
            </a:extLst>
          </p:cNvPr>
          <p:cNvSpPr>
            <a:spLocks noGrp="1"/>
          </p:cNvSpPr>
          <p:nvPr>
            <p:ph type="title"/>
          </p:nvPr>
        </p:nvSpPr>
        <p:spPr>
          <a:xfrm>
            <a:off x="634960" y="627169"/>
            <a:ext cx="8188779" cy="836880"/>
          </a:xfrm>
        </p:spPr>
        <p:txBody>
          <a:bodyPr>
            <a:normAutofit fontScale="90000"/>
          </a:bodyPr>
          <a:lstStyle/>
          <a:p>
            <a:r>
              <a:rPr lang="en-SG" dirty="0"/>
              <a:t>Cholesterol is essential for growth and virulence of </a:t>
            </a:r>
            <a:r>
              <a:rPr lang="en-SG" dirty="0" err="1"/>
              <a:t>Mtb</a:t>
            </a:r>
            <a:br>
              <a:rPr lang="en-SG" dirty="0"/>
            </a:br>
            <a:endParaRPr lang="en-SG" dirty="0"/>
          </a:p>
        </p:txBody>
      </p:sp>
      <p:pic>
        <p:nvPicPr>
          <p:cNvPr id="5" name="Picture 4">
            <a:extLst>
              <a:ext uri="{FF2B5EF4-FFF2-40B4-BE49-F238E27FC236}">
                <a16:creationId xmlns:a16="http://schemas.microsoft.com/office/drawing/2014/main" id="{FB0C5546-3112-4BDE-A58E-DCC0E986E154}"/>
              </a:ext>
            </a:extLst>
          </p:cNvPr>
          <p:cNvPicPr>
            <a:picLocks noChangeAspect="1"/>
          </p:cNvPicPr>
          <p:nvPr/>
        </p:nvPicPr>
        <p:blipFill>
          <a:blip r:embed="rId3"/>
          <a:stretch>
            <a:fillRect/>
          </a:stretch>
        </p:blipFill>
        <p:spPr>
          <a:xfrm>
            <a:off x="4227095" y="1946612"/>
            <a:ext cx="4766062" cy="2964776"/>
          </a:xfrm>
          <a:prstGeom prst="rect">
            <a:avLst/>
          </a:prstGeom>
        </p:spPr>
      </p:pic>
      <p:pic>
        <p:nvPicPr>
          <p:cNvPr id="11" name="Content Placeholder 12">
            <a:extLst>
              <a:ext uri="{FF2B5EF4-FFF2-40B4-BE49-F238E27FC236}">
                <a16:creationId xmlns:a16="http://schemas.microsoft.com/office/drawing/2014/main" id="{A1D90620-AE50-49D2-9EDF-94D2E677E04F}"/>
              </a:ext>
            </a:extLst>
          </p:cNvPr>
          <p:cNvPicPr>
            <a:picLocks noGrp="1" noChangeAspect="1"/>
          </p:cNvPicPr>
          <p:nvPr>
            <p:ph idx="1"/>
          </p:nvPr>
        </p:nvPicPr>
        <p:blipFill rotWithShape="1">
          <a:blip r:embed="rId4"/>
          <a:srcRect l="2123" b="4334"/>
          <a:stretch/>
        </p:blipFill>
        <p:spPr>
          <a:xfrm>
            <a:off x="331247" y="1748588"/>
            <a:ext cx="3895848" cy="3566237"/>
          </a:xfrm>
        </p:spPr>
      </p:pic>
      <p:sp>
        <p:nvSpPr>
          <p:cNvPr id="17" name="TextBox 16">
            <a:extLst>
              <a:ext uri="{FF2B5EF4-FFF2-40B4-BE49-F238E27FC236}">
                <a16:creationId xmlns:a16="http://schemas.microsoft.com/office/drawing/2014/main" id="{FE92E22E-4214-4ECC-8F1A-40174B6E9D5F}"/>
              </a:ext>
            </a:extLst>
          </p:cNvPr>
          <p:cNvSpPr txBox="1"/>
          <p:nvPr/>
        </p:nvSpPr>
        <p:spPr>
          <a:xfrm>
            <a:off x="0" y="5393510"/>
            <a:ext cx="7134717" cy="1169551"/>
          </a:xfrm>
          <a:prstGeom prst="rect">
            <a:avLst/>
          </a:prstGeom>
          <a:noFill/>
        </p:spPr>
        <p:txBody>
          <a:bodyPr wrap="square" rtlCol="0">
            <a:spAutoFit/>
          </a:bodyPr>
          <a:lstStyle/>
          <a:p>
            <a:r>
              <a:rPr lang="en-SG" sz="1400" dirty="0"/>
              <a:t>Lovewell. </a:t>
            </a:r>
            <a:r>
              <a:rPr lang="en-SG" sz="1400" b="1" dirty="0"/>
              <a:t>Chewing the fat: lipid metabolism and </a:t>
            </a:r>
            <a:r>
              <a:rPr lang="en-SG" sz="1400" b="1" dirty="0" err="1"/>
              <a:t>homeostatis</a:t>
            </a:r>
            <a:r>
              <a:rPr lang="en-SG" sz="1400" b="1" dirty="0"/>
              <a:t> during M. tuberculosis infection. </a:t>
            </a:r>
            <a:r>
              <a:rPr lang="en-SG" sz="1400" dirty="0"/>
              <a:t>Current Op in Micro 2016</a:t>
            </a:r>
          </a:p>
          <a:p>
            <a:endParaRPr lang="en-SG" sz="1400" dirty="0"/>
          </a:p>
          <a:p>
            <a:r>
              <a:rPr lang="en-SG" sz="1400" dirty="0" err="1"/>
              <a:t>Wipperman</a:t>
            </a:r>
            <a:r>
              <a:rPr lang="en-SG" sz="1400" dirty="0"/>
              <a:t> et al. </a:t>
            </a:r>
            <a:r>
              <a:rPr lang="en-SG" sz="1400" b="1" dirty="0" err="1"/>
              <a:t>Pathoen</a:t>
            </a:r>
            <a:r>
              <a:rPr lang="en-SG" sz="1400" b="1" dirty="0"/>
              <a:t> </a:t>
            </a:r>
            <a:r>
              <a:rPr lang="en-SG" sz="1400" b="1" dirty="0" err="1"/>
              <a:t>Roid</a:t>
            </a:r>
            <a:r>
              <a:rPr lang="en-SG" sz="1400" b="1" dirty="0"/>
              <a:t> rage: </a:t>
            </a:r>
            <a:r>
              <a:rPr lang="en-SG" sz="1400" b="1" dirty="0" err="1"/>
              <a:t>Chlolesterol</a:t>
            </a:r>
            <a:r>
              <a:rPr lang="en-SG" sz="1400" b="1" dirty="0"/>
              <a:t> utilisation by Mycobacterium tuberculosis</a:t>
            </a:r>
            <a:r>
              <a:rPr lang="en-SG" sz="1400" dirty="0"/>
              <a:t>. Critical reviews in </a:t>
            </a:r>
            <a:r>
              <a:rPr lang="en-SG" sz="1400" dirty="0" err="1"/>
              <a:t>Biochemtistry</a:t>
            </a:r>
            <a:r>
              <a:rPr lang="en-SG" sz="1400" dirty="0"/>
              <a:t> and Molecular Biology, 2014</a:t>
            </a:r>
          </a:p>
        </p:txBody>
      </p:sp>
      <p:sp>
        <p:nvSpPr>
          <p:cNvPr id="2" name="Oval 1">
            <a:extLst>
              <a:ext uri="{FF2B5EF4-FFF2-40B4-BE49-F238E27FC236}">
                <a16:creationId xmlns:a16="http://schemas.microsoft.com/office/drawing/2014/main" id="{BE25D0D5-A4EC-47AD-B5BB-D775AF83D605}"/>
              </a:ext>
            </a:extLst>
          </p:cNvPr>
          <p:cNvSpPr/>
          <p:nvPr/>
        </p:nvSpPr>
        <p:spPr>
          <a:xfrm>
            <a:off x="4644189" y="2703095"/>
            <a:ext cx="713874" cy="481263"/>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3" name="Oval 12">
            <a:extLst>
              <a:ext uri="{FF2B5EF4-FFF2-40B4-BE49-F238E27FC236}">
                <a16:creationId xmlns:a16="http://schemas.microsoft.com/office/drawing/2014/main" id="{DEFE8DB1-B8A2-46F6-A04E-444447E2FBB2}"/>
              </a:ext>
            </a:extLst>
          </p:cNvPr>
          <p:cNvSpPr/>
          <p:nvPr/>
        </p:nvSpPr>
        <p:spPr>
          <a:xfrm>
            <a:off x="7331242" y="2703094"/>
            <a:ext cx="713874" cy="481263"/>
          </a:xfrm>
          <a:prstGeom prst="ellipse">
            <a:avLst/>
          </a:prstGeom>
          <a:no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8" name="Oval 17">
            <a:extLst>
              <a:ext uri="{FF2B5EF4-FFF2-40B4-BE49-F238E27FC236}">
                <a16:creationId xmlns:a16="http://schemas.microsoft.com/office/drawing/2014/main" id="{A66D8283-98A8-4C3D-AB22-76FB1BC7E4B4}"/>
              </a:ext>
            </a:extLst>
          </p:cNvPr>
          <p:cNvSpPr/>
          <p:nvPr/>
        </p:nvSpPr>
        <p:spPr>
          <a:xfrm>
            <a:off x="6031831" y="3531706"/>
            <a:ext cx="713874" cy="481263"/>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Tree>
    <p:extLst>
      <p:ext uri="{BB962C8B-B14F-4D97-AF65-F5344CB8AC3E}">
        <p14:creationId xmlns:p14="http://schemas.microsoft.com/office/powerpoint/2010/main" val="230385187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CFBF534-8027-42D1-B420-30C3E40A0281}"/>
              </a:ext>
            </a:extLst>
          </p:cNvPr>
          <p:cNvGraphicFramePr>
            <a:graphicFrameLocks noGrp="1"/>
          </p:cNvGraphicFramePr>
          <p:nvPr>
            <p:ph idx="1"/>
            <p:extLst>
              <p:ext uri="{D42A27DB-BD31-4B8C-83A1-F6EECF244321}">
                <p14:modId xmlns:p14="http://schemas.microsoft.com/office/powerpoint/2010/main" val="4051501549"/>
              </p:ext>
            </p:extLst>
          </p:nvPr>
        </p:nvGraphicFramePr>
        <p:xfrm>
          <a:off x="628650" y="1067889"/>
          <a:ext cx="7886700" cy="4607560"/>
        </p:xfrm>
        <a:graphic>
          <a:graphicData uri="http://schemas.openxmlformats.org/drawingml/2006/table">
            <a:tbl>
              <a:tblPr firstRow="1" bandRow="1">
                <a:tableStyleId>{0505E3EF-67EA-436B-97B2-0124C06EBD24}</a:tableStyleId>
              </a:tblPr>
              <a:tblGrid>
                <a:gridCol w="815139">
                  <a:extLst>
                    <a:ext uri="{9D8B030D-6E8A-4147-A177-3AD203B41FA5}">
                      <a16:colId xmlns:a16="http://schemas.microsoft.com/office/drawing/2014/main" val="2733882383"/>
                    </a:ext>
                  </a:extLst>
                </a:gridCol>
                <a:gridCol w="5697241">
                  <a:extLst>
                    <a:ext uri="{9D8B030D-6E8A-4147-A177-3AD203B41FA5}">
                      <a16:colId xmlns:a16="http://schemas.microsoft.com/office/drawing/2014/main" val="3511971651"/>
                    </a:ext>
                  </a:extLst>
                </a:gridCol>
                <a:gridCol w="1374320">
                  <a:extLst>
                    <a:ext uri="{9D8B030D-6E8A-4147-A177-3AD203B41FA5}">
                      <a16:colId xmlns:a16="http://schemas.microsoft.com/office/drawing/2014/main" val="131806412"/>
                    </a:ext>
                  </a:extLst>
                </a:gridCol>
              </a:tblGrid>
              <a:tr h="370840">
                <a:tc>
                  <a:txBody>
                    <a:bodyPr/>
                    <a:lstStyle/>
                    <a:p>
                      <a:r>
                        <a:rPr lang="en-SG" dirty="0"/>
                        <a:t>YEAR</a:t>
                      </a:r>
                    </a:p>
                  </a:txBody>
                  <a:tcPr/>
                </a:tc>
                <a:tc>
                  <a:txBody>
                    <a:bodyPr/>
                    <a:lstStyle/>
                    <a:p>
                      <a:r>
                        <a:rPr lang="en-SG" dirty="0"/>
                        <a:t>FINDING</a:t>
                      </a:r>
                    </a:p>
                  </a:txBody>
                  <a:tcPr/>
                </a:tc>
                <a:tc>
                  <a:txBody>
                    <a:bodyPr/>
                    <a:lstStyle/>
                    <a:p>
                      <a:r>
                        <a:rPr lang="en-SG" dirty="0"/>
                        <a:t>Ref</a:t>
                      </a:r>
                    </a:p>
                  </a:txBody>
                  <a:tcPr/>
                </a:tc>
                <a:extLst>
                  <a:ext uri="{0D108BD9-81ED-4DB2-BD59-A6C34878D82A}">
                    <a16:rowId xmlns:a16="http://schemas.microsoft.com/office/drawing/2014/main" val="2973473273"/>
                  </a:ext>
                </a:extLst>
              </a:tr>
              <a:tr h="0">
                <a:tc>
                  <a:txBody>
                    <a:bodyPr/>
                    <a:lstStyle/>
                    <a:p>
                      <a:pPr marL="0" algn="l" defTabSz="914400" rtl="0" eaLnBrk="1" latinLnBrk="0" hangingPunct="1"/>
                      <a:r>
                        <a:rPr lang="en-SG" sz="1100" kern="1200" dirty="0">
                          <a:solidFill>
                            <a:schemeClr val="bg1">
                              <a:lumMod val="75000"/>
                            </a:schemeClr>
                          </a:solidFill>
                          <a:latin typeface="+mn-lt"/>
                          <a:ea typeface="+mn-ea"/>
                          <a:cs typeface="+mn-cs"/>
                        </a:rPr>
                        <a:t>1913</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Mycobacteria grow on cholesterol</a:t>
                      </a:r>
                    </a:p>
                  </a:txBody>
                  <a:tcPr>
                    <a:solidFill>
                      <a:schemeClr val="bg1">
                        <a:lumMod val="95000"/>
                      </a:schemeClr>
                    </a:solidFill>
                  </a:tcPr>
                </a:tc>
                <a:tc>
                  <a:txBody>
                    <a:bodyPr/>
                    <a:lstStyle/>
                    <a:p>
                      <a:pPr marL="0" algn="l" defTabSz="914400" rtl="0" eaLnBrk="1" latinLnBrk="0" hangingPunct="1"/>
                      <a:r>
                        <a:rPr lang="en-SG" sz="1100" kern="1200" dirty="0" err="1">
                          <a:solidFill>
                            <a:schemeClr val="bg1">
                              <a:lumMod val="75000"/>
                            </a:schemeClr>
                          </a:solidFill>
                          <a:latin typeface="+mn-lt"/>
                          <a:ea typeface="+mn-ea"/>
                          <a:cs typeface="+mn-cs"/>
                        </a:rPr>
                        <a:t>Sohnen</a:t>
                      </a:r>
                      <a:endParaRPr lang="en-SG" sz="1100" kern="1200" dirty="0">
                        <a:solidFill>
                          <a:schemeClr val="bg1">
                            <a:lumMod val="75000"/>
                          </a:schemeClr>
                        </a:solidFill>
                        <a:latin typeface="+mn-lt"/>
                        <a:ea typeface="+mn-ea"/>
                        <a:cs typeface="+mn-cs"/>
                      </a:endParaRPr>
                    </a:p>
                  </a:txBody>
                  <a:tcPr>
                    <a:solidFill>
                      <a:schemeClr val="bg1">
                        <a:lumMod val="95000"/>
                      </a:schemeClr>
                    </a:solidFill>
                  </a:tcPr>
                </a:tc>
                <a:extLst>
                  <a:ext uri="{0D108BD9-81ED-4DB2-BD59-A6C34878D82A}">
                    <a16:rowId xmlns:a16="http://schemas.microsoft.com/office/drawing/2014/main" val="1440968099"/>
                  </a:ext>
                </a:extLst>
              </a:tr>
              <a:tr h="146231">
                <a:tc>
                  <a:txBody>
                    <a:bodyPr/>
                    <a:lstStyle/>
                    <a:p>
                      <a:pPr marL="0" algn="l" defTabSz="914400" rtl="0" eaLnBrk="1" latinLnBrk="0" hangingPunct="1"/>
                      <a:r>
                        <a:rPr lang="en-SG" sz="1100" kern="1200" dirty="0">
                          <a:solidFill>
                            <a:schemeClr val="bg1">
                              <a:lumMod val="75000"/>
                            </a:schemeClr>
                          </a:solidFill>
                          <a:latin typeface="+mn-lt"/>
                          <a:ea typeface="+mn-ea"/>
                          <a:cs typeface="+mn-cs"/>
                        </a:rPr>
                        <a:t>1956</a:t>
                      </a:r>
                    </a:p>
                  </a:txBody>
                  <a:tcPr>
                    <a:solidFill>
                      <a:schemeClr val="bg1">
                        <a:lumMod val="95000"/>
                      </a:schemeClr>
                    </a:solidFill>
                  </a:tcPr>
                </a:tc>
                <a:tc>
                  <a:txBody>
                    <a:bodyPr/>
                    <a:lstStyle/>
                    <a:p>
                      <a:pPr marL="0" algn="l" defTabSz="914400" rtl="0" eaLnBrk="1" latinLnBrk="0" hangingPunct="1"/>
                      <a:r>
                        <a:rPr lang="en-SG" sz="1100" kern="1200" dirty="0" err="1">
                          <a:solidFill>
                            <a:schemeClr val="bg1">
                              <a:lumMod val="75000"/>
                            </a:schemeClr>
                          </a:solidFill>
                          <a:latin typeface="+mn-lt"/>
                          <a:ea typeface="+mn-ea"/>
                          <a:cs typeface="+mn-cs"/>
                        </a:rPr>
                        <a:t>Mtb</a:t>
                      </a:r>
                      <a:r>
                        <a:rPr lang="en-SG" sz="1100" kern="1200" dirty="0">
                          <a:solidFill>
                            <a:schemeClr val="bg1">
                              <a:lumMod val="75000"/>
                            </a:schemeClr>
                          </a:solidFill>
                          <a:latin typeface="+mn-lt"/>
                          <a:ea typeface="+mn-ea"/>
                          <a:cs typeface="+mn-cs"/>
                        </a:rPr>
                        <a:t> isolated from mice vs. cultured in vitro grew only in the presence of lipids and not carbohydrates</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Segal and Bloch</a:t>
                      </a:r>
                    </a:p>
                  </a:txBody>
                  <a:tcPr>
                    <a:solidFill>
                      <a:schemeClr val="bg1">
                        <a:lumMod val="95000"/>
                      </a:schemeClr>
                    </a:solidFill>
                  </a:tcPr>
                </a:tc>
                <a:extLst>
                  <a:ext uri="{0D108BD9-81ED-4DB2-BD59-A6C34878D82A}">
                    <a16:rowId xmlns:a16="http://schemas.microsoft.com/office/drawing/2014/main" val="4194737767"/>
                  </a:ext>
                </a:extLst>
              </a:tr>
              <a:tr h="176711">
                <a:tc>
                  <a:txBody>
                    <a:bodyPr/>
                    <a:lstStyle/>
                    <a:p>
                      <a:pPr marL="0" algn="l" defTabSz="914400" rtl="0" eaLnBrk="1" latinLnBrk="0" hangingPunct="1"/>
                      <a:r>
                        <a:rPr lang="en-SG" sz="1100" kern="1200" dirty="0">
                          <a:solidFill>
                            <a:schemeClr val="bg1">
                              <a:lumMod val="75000"/>
                            </a:schemeClr>
                          </a:solidFill>
                          <a:latin typeface="+mn-lt"/>
                          <a:ea typeface="+mn-ea"/>
                          <a:cs typeface="+mn-cs"/>
                        </a:rPr>
                        <a:t>1976</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Mycobacteria grow on Lecithin/ cholesterol</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Kondo</a:t>
                      </a:r>
                    </a:p>
                  </a:txBody>
                  <a:tcPr>
                    <a:solidFill>
                      <a:schemeClr val="bg1">
                        <a:lumMod val="95000"/>
                      </a:schemeClr>
                    </a:solidFill>
                  </a:tcPr>
                </a:tc>
                <a:extLst>
                  <a:ext uri="{0D108BD9-81ED-4DB2-BD59-A6C34878D82A}">
                    <a16:rowId xmlns:a16="http://schemas.microsoft.com/office/drawing/2014/main" val="2503935258"/>
                  </a:ext>
                </a:extLst>
              </a:tr>
              <a:tr h="146231">
                <a:tc>
                  <a:txBody>
                    <a:bodyPr/>
                    <a:lstStyle/>
                    <a:p>
                      <a:pPr marL="0" algn="l" defTabSz="914400" rtl="0" eaLnBrk="1" latinLnBrk="0" hangingPunct="1"/>
                      <a:r>
                        <a:rPr lang="en-SG" sz="1100" kern="1200" dirty="0">
                          <a:solidFill>
                            <a:schemeClr val="bg1">
                              <a:lumMod val="75000"/>
                            </a:schemeClr>
                          </a:solidFill>
                          <a:latin typeface="+mn-lt"/>
                          <a:ea typeface="+mn-ea"/>
                          <a:cs typeface="+mn-cs"/>
                        </a:rPr>
                        <a:t>1998</a:t>
                      </a:r>
                    </a:p>
                  </a:txBody>
                  <a:tcPr>
                    <a:solidFill>
                      <a:schemeClr val="bg1">
                        <a:lumMod val="95000"/>
                      </a:schemeClr>
                    </a:solidFill>
                  </a:tcPr>
                </a:tc>
                <a:tc>
                  <a:txBody>
                    <a:bodyPr/>
                    <a:lstStyle/>
                    <a:p>
                      <a:pPr marL="0" algn="l" defTabSz="914400" rtl="0" eaLnBrk="1" latinLnBrk="0" hangingPunct="1"/>
                      <a:r>
                        <a:rPr lang="en-SG" sz="1100" kern="1200" dirty="0" err="1">
                          <a:solidFill>
                            <a:schemeClr val="bg1">
                              <a:lumMod val="75000"/>
                            </a:schemeClr>
                          </a:solidFill>
                          <a:latin typeface="+mn-lt"/>
                          <a:ea typeface="+mn-ea"/>
                          <a:cs typeface="+mn-cs"/>
                        </a:rPr>
                        <a:t>Mtb</a:t>
                      </a:r>
                      <a:r>
                        <a:rPr lang="en-SG" sz="1100" kern="1200" dirty="0">
                          <a:solidFill>
                            <a:schemeClr val="bg1">
                              <a:lumMod val="75000"/>
                            </a:schemeClr>
                          </a:solidFill>
                          <a:latin typeface="+mn-lt"/>
                          <a:ea typeface="+mn-ea"/>
                          <a:cs typeface="+mn-cs"/>
                        </a:rPr>
                        <a:t> whole genome sequence, +++ genes relating to lipid metabolism</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Cole</a:t>
                      </a:r>
                    </a:p>
                  </a:txBody>
                  <a:tcPr>
                    <a:solidFill>
                      <a:schemeClr val="bg1">
                        <a:lumMod val="95000"/>
                      </a:schemeClr>
                    </a:solidFill>
                  </a:tcPr>
                </a:tc>
                <a:extLst>
                  <a:ext uri="{0D108BD9-81ED-4DB2-BD59-A6C34878D82A}">
                    <a16:rowId xmlns:a16="http://schemas.microsoft.com/office/drawing/2014/main" val="2223184692"/>
                  </a:ext>
                </a:extLst>
              </a:tr>
              <a:tr h="0">
                <a:tc>
                  <a:txBody>
                    <a:bodyPr/>
                    <a:lstStyle/>
                    <a:p>
                      <a:pPr marL="0" algn="l" defTabSz="914400" rtl="0" eaLnBrk="1" latinLnBrk="0" hangingPunct="1"/>
                      <a:r>
                        <a:rPr lang="en-SG" sz="1100" kern="1200" dirty="0">
                          <a:solidFill>
                            <a:schemeClr val="bg1">
                              <a:lumMod val="75000"/>
                            </a:schemeClr>
                          </a:solidFill>
                          <a:latin typeface="+mn-lt"/>
                          <a:ea typeface="+mn-ea"/>
                          <a:cs typeface="+mn-cs"/>
                        </a:rPr>
                        <a:t>1999</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MTB survives within phagosome coated with TACO protein</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Ferrari</a:t>
                      </a:r>
                    </a:p>
                  </a:txBody>
                  <a:tcPr>
                    <a:solidFill>
                      <a:schemeClr val="bg1">
                        <a:lumMod val="95000"/>
                      </a:schemeClr>
                    </a:solidFill>
                  </a:tcPr>
                </a:tc>
                <a:extLst>
                  <a:ext uri="{0D108BD9-81ED-4DB2-BD59-A6C34878D82A}">
                    <a16:rowId xmlns:a16="http://schemas.microsoft.com/office/drawing/2014/main" val="2090209637"/>
                  </a:ext>
                </a:extLst>
              </a:tr>
              <a:tr h="370840">
                <a:tc>
                  <a:txBody>
                    <a:bodyPr/>
                    <a:lstStyle/>
                    <a:p>
                      <a:pPr marL="0" algn="l" defTabSz="914400" rtl="0" eaLnBrk="1" latinLnBrk="0" hangingPunct="1"/>
                      <a:r>
                        <a:rPr lang="en-SG" sz="1100" kern="1200" dirty="0">
                          <a:solidFill>
                            <a:schemeClr val="bg1">
                              <a:lumMod val="75000"/>
                            </a:schemeClr>
                          </a:solidFill>
                          <a:latin typeface="+mn-lt"/>
                          <a:ea typeface="+mn-ea"/>
                          <a:cs typeface="+mn-cs"/>
                        </a:rPr>
                        <a:t>2000</a:t>
                      </a:r>
                    </a:p>
                  </a:txBody>
                  <a:tcPr>
                    <a:solidFill>
                      <a:schemeClr val="bg1">
                        <a:lumMod val="95000"/>
                      </a:schemeClr>
                    </a:solidFill>
                  </a:tcPr>
                </a:tc>
                <a:tc>
                  <a:txBody>
                    <a:bodyPr/>
                    <a:lstStyle/>
                    <a:p>
                      <a:pPr marL="0" indent="-285750" algn="l" defTabSz="914400" rtl="0" eaLnBrk="1" latinLnBrk="0" hangingPunct="1">
                        <a:buFontTx/>
                        <a:buChar char="-"/>
                      </a:pPr>
                      <a:r>
                        <a:rPr lang="en-SG" sz="1100" kern="1200" dirty="0">
                          <a:solidFill>
                            <a:schemeClr val="bg1">
                              <a:lumMod val="75000"/>
                            </a:schemeClr>
                          </a:solidFill>
                          <a:latin typeface="+mn-lt"/>
                          <a:ea typeface="+mn-ea"/>
                          <a:cs typeface="+mn-cs"/>
                        </a:rPr>
                        <a:t>Cholesterol needed for MTB to infect macrophages</a:t>
                      </a:r>
                    </a:p>
                    <a:p>
                      <a:pPr marL="0" marR="0" lvl="0" indent="-285750" algn="l" defTabSz="914400" rtl="0" eaLnBrk="1" fontAlgn="auto" latinLnBrk="0" hangingPunct="1">
                        <a:lnSpc>
                          <a:spcPct val="100000"/>
                        </a:lnSpc>
                        <a:spcBef>
                          <a:spcPts val="0"/>
                        </a:spcBef>
                        <a:spcAft>
                          <a:spcPts val="0"/>
                        </a:spcAft>
                        <a:buClrTx/>
                        <a:buSzTx/>
                        <a:buFontTx/>
                        <a:buChar char="-"/>
                        <a:tabLst/>
                        <a:defRPr/>
                      </a:pPr>
                      <a:r>
                        <a:rPr lang="en-SG" sz="1100" kern="1200" dirty="0">
                          <a:solidFill>
                            <a:schemeClr val="bg1">
                              <a:lumMod val="75000"/>
                            </a:schemeClr>
                          </a:solidFill>
                          <a:latin typeface="+mn-lt"/>
                          <a:ea typeface="+mn-ea"/>
                          <a:cs typeface="+mn-cs"/>
                        </a:rPr>
                        <a:t>TACO associated with phagosome membrane in a cholesterol dependent manner</a:t>
                      </a:r>
                    </a:p>
                  </a:txBody>
                  <a:tcPr>
                    <a:solidFill>
                      <a:schemeClr val="bg1">
                        <a:lumMod val="95000"/>
                      </a:schemeClr>
                    </a:solidFill>
                  </a:tcPr>
                </a:tc>
                <a:tc>
                  <a:txBody>
                    <a:bodyPr/>
                    <a:lstStyle/>
                    <a:p>
                      <a:pPr marL="0" algn="l" defTabSz="914400" rtl="0" eaLnBrk="1" latinLnBrk="0" hangingPunct="1"/>
                      <a:r>
                        <a:rPr lang="en-SG" sz="1100" kern="1200" dirty="0" err="1">
                          <a:solidFill>
                            <a:schemeClr val="bg1">
                              <a:lumMod val="75000"/>
                            </a:schemeClr>
                          </a:solidFill>
                          <a:latin typeface="+mn-lt"/>
                          <a:ea typeface="+mn-ea"/>
                          <a:cs typeface="+mn-cs"/>
                        </a:rPr>
                        <a:t>Gatfield</a:t>
                      </a:r>
                      <a:r>
                        <a:rPr lang="en-SG" sz="1100" kern="1200" dirty="0">
                          <a:solidFill>
                            <a:schemeClr val="bg1">
                              <a:lumMod val="75000"/>
                            </a:schemeClr>
                          </a:solidFill>
                          <a:latin typeface="+mn-lt"/>
                          <a:ea typeface="+mn-ea"/>
                          <a:cs typeface="+mn-cs"/>
                        </a:rPr>
                        <a:t> and Pieters</a:t>
                      </a:r>
                    </a:p>
                  </a:txBody>
                  <a:tcPr>
                    <a:solidFill>
                      <a:schemeClr val="bg1">
                        <a:lumMod val="95000"/>
                      </a:schemeClr>
                    </a:solidFill>
                  </a:tcPr>
                </a:tc>
                <a:extLst>
                  <a:ext uri="{0D108BD9-81ED-4DB2-BD59-A6C34878D82A}">
                    <a16:rowId xmlns:a16="http://schemas.microsoft.com/office/drawing/2014/main" val="204582873"/>
                  </a:ext>
                </a:extLst>
              </a:tr>
              <a:tr h="0">
                <a:tc>
                  <a:txBody>
                    <a:bodyPr/>
                    <a:lstStyle/>
                    <a:p>
                      <a:pPr marL="0" algn="l" defTabSz="914400" rtl="0" eaLnBrk="1" latinLnBrk="0" hangingPunct="1"/>
                      <a:r>
                        <a:rPr lang="en-SG" sz="1100" kern="1200" dirty="0">
                          <a:solidFill>
                            <a:schemeClr val="bg1">
                              <a:lumMod val="75000"/>
                            </a:schemeClr>
                          </a:solidFill>
                          <a:latin typeface="+mn-lt"/>
                          <a:ea typeface="+mn-ea"/>
                          <a:cs typeface="+mn-cs"/>
                        </a:rPr>
                        <a:t>2005</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Depletion of cholesterol from M. avium infected macrophages enabled </a:t>
                      </a:r>
                      <a:r>
                        <a:rPr lang="en-SG" sz="1100" kern="1200" dirty="0" err="1">
                          <a:solidFill>
                            <a:schemeClr val="bg1">
                              <a:lumMod val="75000"/>
                            </a:schemeClr>
                          </a:solidFill>
                          <a:latin typeface="+mn-lt"/>
                          <a:ea typeface="+mn-ea"/>
                          <a:cs typeface="+mn-cs"/>
                        </a:rPr>
                        <a:t>phagolysosomal</a:t>
                      </a:r>
                      <a:r>
                        <a:rPr lang="en-SG" sz="1100" kern="1200" dirty="0">
                          <a:solidFill>
                            <a:schemeClr val="bg1">
                              <a:lumMod val="75000"/>
                            </a:schemeClr>
                          </a:solidFill>
                          <a:latin typeface="+mn-lt"/>
                          <a:ea typeface="+mn-ea"/>
                          <a:cs typeface="+mn-cs"/>
                        </a:rPr>
                        <a:t> fusion</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de </a:t>
                      </a:r>
                      <a:r>
                        <a:rPr lang="en-SG" sz="1100" kern="1200" dirty="0" err="1">
                          <a:solidFill>
                            <a:schemeClr val="bg1">
                              <a:lumMod val="75000"/>
                            </a:schemeClr>
                          </a:solidFill>
                          <a:latin typeface="+mn-lt"/>
                          <a:ea typeface="+mn-ea"/>
                          <a:cs typeface="+mn-cs"/>
                        </a:rPr>
                        <a:t>Chastellier</a:t>
                      </a:r>
                      <a:r>
                        <a:rPr lang="en-SG" sz="1100" kern="1200" dirty="0">
                          <a:solidFill>
                            <a:schemeClr val="bg1">
                              <a:lumMod val="75000"/>
                            </a:schemeClr>
                          </a:solidFill>
                          <a:latin typeface="+mn-lt"/>
                          <a:ea typeface="+mn-ea"/>
                          <a:cs typeface="+mn-cs"/>
                        </a:rPr>
                        <a:t>, </a:t>
                      </a:r>
                      <a:r>
                        <a:rPr lang="en-SG" sz="1100" kern="1200" dirty="0" err="1">
                          <a:solidFill>
                            <a:schemeClr val="bg1">
                              <a:lumMod val="75000"/>
                            </a:schemeClr>
                          </a:solidFill>
                          <a:latin typeface="+mn-lt"/>
                          <a:ea typeface="+mn-ea"/>
                          <a:cs typeface="+mn-cs"/>
                        </a:rPr>
                        <a:t>Thilo</a:t>
                      </a:r>
                      <a:endParaRPr lang="en-SG" sz="1100" kern="1200" dirty="0">
                        <a:solidFill>
                          <a:schemeClr val="bg1">
                            <a:lumMod val="75000"/>
                          </a:schemeClr>
                        </a:solidFill>
                        <a:latin typeface="+mn-lt"/>
                        <a:ea typeface="+mn-ea"/>
                        <a:cs typeface="+mn-cs"/>
                      </a:endParaRPr>
                    </a:p>
                  </a:txBody>
                  <a:tcPr>
                    <a:solidFill>
                      <a:schemeClr val="bg1">
                        <a:lumMod val="95000"/>
                      </a:schemeClr>
                    </a:solidFill>
                  </a:tcPr>
                </a:tc>
                <a:extLst>
                  <a:ext uri="{0D108BD9-81ED-4DB2-BD59-A6C34878D82A}">
                    <a16:rowId xmlns:a16="http://schemas.microsoft.com/office/drawing/2014/main" val="4215806257"/>
                  </a:ext>
                </a:extLst>
              </a:tr>
              <a:tr h="0">
                <a:tc>
                  <a:txBody>
                    <a:bodyPr/>
                    <a:lstStyle/>
                    <a:p>
                      <a:pPr marL="0" algn="l" defTabSz="914400" rtl="0" eaLnBrk="1" latinLnBrk="0" hangingPunct="1"/>
                      <a:r>
                        <a:rPr lang="en-SG" sz="1100" kern="1200" dirty="0">
                          <a:solidFill>
                            <a:schemeClr val="bg1">
                              <a:lumMod val="75000"/>
                            </a:schemeClr>
                          </a:solidFill>
                          <a:latin typeface="+mn-lt"/>
                          <a:ea typeface="+mn-ea"/>
                          <a:cs typeface="+mn-cs"/>
                        </a:rPr>
                        <a:t>2007</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Transcriptomics: Genes encoding cholesterol catabolism are turned on which enables MTB to survive in macrophages</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Van der </a:t>
                      </a:r>
                      <a:r>
                        <a:rPr lang="en-SG" sz="1100" kern="1200" dirty="0" err="1">
                          <a:solidFill>
                            <a:schemeClr val="bg1">
                              <a:lumMod val="75000"/>
                            </a:schemeClr>
                          </a:solidFill>
                          <a:latin typeface="+mn-lt"/>
                          <a:ea typeface="+mn-ea"/>
                          <a:cs typeface="+mn-cs"/>
                        </a:rPr>
                        <a:t>Geize</a:t>
                      </a:r>
                      <a:endParaRPr lang="en-SG" sz="1100" kern="1200" dirty="0">
                        <a:solidFill>
                          <a:schemeClr val="bg1">
                            <a:lumMod val="75000"/>
                          </a:schemeClr>
                        </a:solidFill>
                        <a:latin typeface="+mn-lt"/>
                        <a:ea typeface="+mn-ea"/>
                        <a:cs typeface="+mn-cs"/>
                      </a:endParaRPr>
                    </a:p>
                  </a:txBody>
                  <a:tcPr>
                    <a:solidFill>
                      <a:schemeClr val="bg1">
                        <a:lumMod val="95000"/>
                      </a:schemeClr>
                    </a:solidFill>
                  </a:tcPr>
                </a:tc>
                <a:extLst>
                  <a:ext uri="{0D108BD9-81ED-4DB2-BD59-A6C34878D82A}">
                    <a16:rowId xmlns:a16="http://schemas.microsoft.com/office/drawing/2014/main" val="3124550129"/>
                  </a:ext>
                </a:extLst>
              </a:tr>
              <a:tr h="0">
                <a:tc>
                  <a:txBody>
                    <a:bodyPr/>
                    <a:lstStyle/>
                    <a:p>
                      <a:pPr marL="0" algn="l" defTabSz="914400" rtl="0" eaLnBrk="1" latinLnBrk="0" hangingPunct="1"/>
                      <a:r>
                        <a:rPr lang="en-SG" sz="1100" kern="1200" dirty="0">
                          <a:solidFill>
                            <a:schemeClr val="bg1">
                              <a:lumMod val="75000"/>
                            </a:schemeClr>
                          </a:solidFill>
                          <a:latin typeface="+mn-lt"/>
                          <a:ea typeface="+mn-ea"/>
                          <a:cs typeface="+mn-cs"/>
                        </a:rPr>
                        <a:t>2008</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Mycolic acid triggers differentiation of macrophages into foamy phenotype (large number of lipid filled bodies)</a:t>
                      </a:r>
                    </a:p>
                  </a:txBody>
                  <a:tcPr>
                    <a:solidFill>
                      <a:schemeClr val="bg1">
                        <a:lumMod val="95000"/>
                      </a:schemeClr>
                    </a:solidFill>
                  </a:tcPr>
                </a:tc>
                <a:tc>
                  <a:txBody>
                    <a:bodyPr/>
                    <a:lstStyle/>
                    <a:p>
                      <a:pPr marL="0" algn="l" defTabSz="914400" rtl="0" eaLnBrk="1" latinLnBrk="0" hangingPunct="1"/>
                      <a:r>
                        <a:rPr lang="en-SG" sz="1100" kern="1200" dirty="0" err="1">
                          <a:solidFill>
                            <a:schemeClr val="bg1">
                              <a:lumMod val="75000"/>
                            </a:schemeClr>
                          </a:solidFill>
                          <a:latin typeface="+mn-lt"/>
                          <a:ea typeface="+mn-ea"/>
                          <a:cs typeface="+mn-cs"/>
                        </a:rPr>
                        <a:t>Peyron</a:t>
                      </a:r>
                      <a:endParaRPr lang="en-SG" sz="1100" kern="1200" dirty="0">
                        <a:solidFill>
                          <a:schemeClr val="bg1">
                            <a:lumMod val="75000"/>
                          </a:schemeClr>
                        </a:solidFill>
                        <a:latin typeface="+mn-lt"/>
                        <a:ea typeface="+mn-ea"/>
                        <a:cs typeface="+mn-cs"/>
                      </a:endParaRPr>
                    </a:p>
                  </a:txBody>
                  <a:tcPr>
                    <a:solidFill>
                      <a:schemeClr val="bg1">
                        <a:lumMod val="95000"/>
                      </a:schemeClr>
                    </a:solidFill>
                  </a:tcPr>
                </a:tc>
                <a:extLst>
                  <a:ext uri="{0D108BD9-81ED-4DB2-BD59-A6C34878D82A}">
                    <a16:rowId xmlns:a16="http://schemas.microsoft.com/office/drawing/2014/main" val="3077360448"/>
                  </a:ext>
                </a:extLst>
              </a:tr>
              <a:tr h="370840">
                <a:tc>
                  <a:txBody>
                    <a:bodyPr/>
                    <a:lstStyle/>
                    <a:p>
                      <a:pPr marL="0" algn="l" defTabSz="914400" rtl="0" eaLnBrk="1" latinLnBrk="0" hangingPunct="1"/>
                      <a:r>
                        <a:rPr lang="en-SG" sz="1100" kern="1200" dirty="0">
                          <a:solidFill>
                            <a:schemeClr val="bg1">
                              <a:lumMod val="75000"/>
                            </a:schemeClr>
                          </a:solidFill>
                          <a:latin typeface="+mn-lt"/>
                          <a:ea typeface="+mn-ea"/>
                          <a:cs typeface="+mn-cs"/>
                        </a:rPr>
                        <a:t>2008</a:t>
                      </a:r>
                    </a:p>
                  </a:txBody>
                  <a:tcPr>
                    <a:solidFill>
                      <a:schemeClr val="bg1">
                        <a:lumMod val="95000"/>
                      </a:schemeClr>
                    </a:solidFill>
                  </a:tcPr>
                </a:tc>
                <a:tc>
                  <a:txBody>
                    <a:bodyPr/>
                    <a:lstStyle/>
                    <a:p>
                      <a:pPr marL="0" marR="0" lvl="0" indent="-285750" algn="l" defTabSz="914400" rtl="0" eaLnBrk="1" fontAlgn="auto" latinLnBrk="0" hangingPunct="1">
                        <a:lnSpc>
                          <a:spcPct val="100000"/>
                        </a:lnSpc>
                        <a:spcBef>
                          <a:spcPts val="0"/>
                        </a:spcBef>
                        <a:spcAft>
                          <a:spcPts val="0"/>
                        </a:spcAft>
                        <a:buClrTx/>
                        <a:buSzTx/>
                        <a:buFontTx/>
                        <a:buChar char="-"/>
                        <a:tabLst/>
                        <a:defRPr/>
                      </a:pPr>
                      <a:r>
                        <a:rPr lang="en-SG" sz="1100" kern="1200" dirty="0">
                          <a:solidFill>
                            <a:schemeClr val="bg1">
                              <a:lumMod val="75000"/>
                            </a:schemeClr>
                          </a:solidFill>
                          <a:latin typeface="+mn-lt"/>
                          <a:ea typeface="+mn-ea"/>
                          <a:cs typeface="+mn-cs"/>
                        </a:rPr>
                        <a:t>Mce4 operon needed to import cholesterol into cell</a:t>
                      </a:r>
                    </a:p>
                    <a:p>
                      <a:pPr marL="0" marR="0" lvl="0" indent="-285750" algn="l" defTabSz="914400" rtl="0" eaLnBrk="1" fontAlgn="auto" latinLnBrk="0" hangingPunct="1">
                        <a:lnSpc>
                          <a:spcPct val="100000"/>
                        </a:lnSpc>
                        <a:spcBef>
                          <a:spcPts val="0"/>
                        </a:spcBef>
                        <a:spcAft>
                          <a:spcPts val="0"/>
                        </a:spcAft>
                        <a:buClrTx/>
                        <a:buSzTx/>
                        <a:buFontTx/>
                        <a:buChar char="-"/>
                        <a:tabLst/>
                        <a:defRPr/>
                      </a:pPr>
                      <a:r>
                        <a:rPr lang="en-SG" sz="1100" kern="1200" dirty="0" err="1">
                          <a:solidFill>
                            <a:schemeClr val="bg1">
                              <a:lumMod val="75000"/>
                            </a:schemeClr>
                          </a:solidFill>
                          <a:latin typeface="+mn-lt"/>
                          <a:ea typeface="+mn-ea"/>
                          <a:cs typeface="+mn-cs"/>
                        </a:rPr>
                        <a:t>Mtb</a:t>
                      </a:r>
                      <a:r>
                        <a:rPr lang="en-SG" sz="1100" kern="1200" dirty="0">
                          <a:solidFill>
                            <a:schemeClr val="bg1">
                              <a:lumMod val="75000"/>
                            </a:schemeClr>
                          </a:solidFill>
                          <a:latin typeface="+mn-lt"/>
                          <a:ea typeface="+mn-ea"/>
                          <a:cs typeface="+mn-cs"/>
                        </a:rPr>
                        <a:t> is able to degrade both the sterol rings and the side chain of cholesterol to be used for energy, carbon and for virulence factors</a:t>
                      </a:r>
                    </a:p>
                  </a:txBody>
                  <a:tcPr>
                    <a:solidFill>
                      <a:schemeClr val="bg1">
                        <a:lumMod val="95000"/>
                      </a:schemeClr>
                    </a:solidFill>
                  </a:tcPr>
                </a:tc>
                <a:tc>
                  <a:txBody>
                    <a:bodyPr/>
                    <a:lstStyle/>
                    <a:p>
                      <a:pPr marL="0" algn="l" defTabSz="914400" rtl="0" eaLnBrk="1" latinLnBrk="0" hangingPunct="1"/>
                      <a:r>
                        <a:rPr lang="en-SG" sz="1100" kern="1200" dirty="0">
                          <a:solidFill>
                            <a:schemeClr val="bg1">
                              <a:lumMod val="75000"/>
                            </a:schemeClr>
                          </a:solidFill>
                          <a:latin typeface="+mn-lt"/>
                          <a:ea typeface="+mn-ea"/>
                          <a:cs typeface="+mn-cs"/>
                        </a:rPr>
                        <a:t>Pandey</a:t>
                      </a:r>
                    </a:p>
                  </a:txBody>
                  <a:tcPr>
                    <a:solidFill>
                      <a:schemeClr val="bg1">
                        <a:lumMod val="95000"/>
                      </a:schemeClr>
                    </a:solidFill>
                  </a:tcPr>
                </a:tc>
                <a:extLst>
                  <a:ext uri="{0D108BD9-81ED-4DB2-BD59-A6C34878D82A}">
                    <a16:rowId xmlns:a16="http://schemas.microsoft.com/office/drawing/2014/main" val="4037444302"/>
                  </a:ext>
                </a:extLst>
              </a:tr>
              <a:tr h="370840">
                <a:tc>
                  <a:txBody>
                    <a:bodyPr/>
                    <a:lstStyle/>
                    <a:p>
                      <a:pPr marL="0" algn="l" defTabSz="914400" rtl="0" eaLnBrk="1" latinLnBrk="0" hangingPunct="1"/>
                      <a:r>
                        <a:rPr lang="en-SG" sz="1800" kern="1200" dirty="0">
                          <a:solidFill>
                            <a:schemeClr val="dk1"/>
                          </a:solidFill>
                          <a:latin typeface="+mn-lt"/>
                          <a:ea typeface="+mn-ea"/>
                          <a:cs typeface="+mn-cs"/>
                        </a:rPr>
                        <a:t>2014 - 2016</a:t>
                      </a:r>
                    </a:p>
                  </a:txBody>
                  <a:tcPr>
                    <a:solidFill>
                      <a:schemeClr val="bg1">
                        <a:lumMod val="9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800" kern="1200" dirty="0">
                          <a:solidFill>
                            <a:schemeClr val="dk1"/>
                          </a:solidFill>
                          <a:latin typeface="+mn-lt"/>
                          <a:ea typeface="+mn-ea"/>
                          <a:cs typeface="+mn-cs"/>
                        </a:rPr>
                        <a:t>First </a:t>
                      </a:r>
                      <a:r>
                        <a:rPr lang="en-SG" sz="1800" i="1" kern="1200" dirty="0">
                          <a:solidFill>
                            <a:schemeClr val="dk1"/>
                          </a:solidFill>
                          <a:latin typeface="+mn-lt"/>
                          <a:ea typeface="+mn-ea"/>
                          <a:cs typeface="+mn-cs"/>
                        </a:rPr>
                        <a:t>in vitro </a:t>
                      </a:r>
                      <a:r>
                        <a:rPr lang="en-SG" sz="1800" kern="1200" dirty="0">
                          <a:solidFill>
                            <a:schemeClr val="dk1"/>
                          </a:solidFill>
                          <a:latin typeface="+mn-lt"/>
                          <a:ea typeface="+mn-ea"/>
                          <a:cs typeface="+mn-cs"/>
                        </a:rPr>
                        <a:t>and </a:t>
                      </a:r>
                      <a:r>
                        <a:rPr lang="en-SG" sz="1800" i="1" kern="1200" dirty="0">
                          <a:solidFill>
                            <a:schemeClr val="dk1"/>
                          </a:solidFill>
                          <a:latin typeface="+mn-lt"/>
                          <a:ea typeface="+mn-ea"/>
                          <a:cs typeface="+mn-cs"/>
                        </a:rPr>
                        <a:t>in vivo </a:t>
                      </a:r>
                      <a:r>
                        <a:rPr lang="en-SG" sz="1800" kern="1200" dirty="0">
                          <a:solidFill>
                            <a:schemeClr val="dk1"/>
                          </a:solidFill>
                          <a:latin typeface="+mn-lt"/>
                          <a:ea typeface="+mn-ea"/>
                          <a:cs typeface="+mn-cs"/>
                        </a:rPr>
                        <a:t>data supporting the use of Statins in controlling </a:t>
                      </a:r>
                      <a:r>
                        <a:rPr lang="en-SG" sz="1800" kern="1200" dirty="0" err="1">
                          <a:solidFill>
                            <a:schemeClr val="dk1"/>
                          </a:solidFill>
                          <a:latin typeface="+mn-lt"/>
                          <a:ea typeface="+mn-ea"/>
                          <a:cs typeface="+mn-cs"/>
                        </a:rPr>
                        <a:t>Mtb</a:t>
                      </a:r>
                      <a:r>
                        <a:rPr lang="en-SG" sz="1800" kern="1200" dirty="0">
                          <a:solidFill>
                            <a:schemeClr val="dk1"/>
                          </a:solidFill>
                          <a:latin typeface="+mn-lt"/>
                          <a:ea typeface="+mn-ea"/>
                          <a:cs typeface="+mn-cs"/>
                        </a:rPr>
                        <a:t> infection </a:t>
                      </a:r>
                    </a:p>
                  </a:txBody>
                  <a:tcPr>
                    <a:solidFill>
                      <a:schemeClr val="bg1">
                        <a:lumMod val="95000"/>
                      </a:schemeClr>
                    </a:solidFill>
                  </a:tcPr>
                </a:tc>
                <a:tc>
                  <a:txBody>
                    <a:bodyPr/>
                    <a:lstStyle/>
                    <a:p>
                      <a:pPr marL="0" algn="l" defTabSz="914400" rtl="0" eaLnBrk="1" latinLnBrk="0" hangingPunct="1"/>
                      <a:endParaRPr lang="en-SG" sz="1800" kern="1200" dirty="0">
                        <a:solidFill>
                          <a:schemeClr val="dk1"/>
                        </a:solidFill>
                        <a:latin typeface="+mn-lt"/>
                        <a:ea typeface="+mn-ea"/>
                        <a:cs typeface="+mn-cs"/>
                      </a:endParaRPr>
                    </a:p>
                  </a:txBody>
                  <a:tcPr>
                    <a:solidFill>
                      <a:schemeClr val="bg1">
                        <a:lumMod val="95000"/>
                      </a:schemeClr>
                    </a:solidFill>
                  </a:tcPr>
                </a:tc>
                <a:extLst>
                  <a:ext uri="{0D108BD9-81ED-4DB2-BD59-A6C34878D82A}">
                    <a16:rowId xmlns:a16="http://schemas.microsoft.com/office/drawing/2014/main" val="402042723"/>
                  </a:ext>
                </a:extLst>
              </a:tr>
            </a:tbl>
          </a:graphicData>
        </a:graphic>
      </p:graphicFrame>
      <p:sp>
        <p:nvSpPr>
          <p:cNvPr id="5" name="Title 4">
            <a:extLst>
              <a:ext uri="{FF2B5EF4-FFF2-40B4-BE49-F238E27FC236}">
                <a16:creationId xmlns:a16="http://schemas.microsoft.com/office/drawing/2014/main" id="{11E4A2AF-7582-4A25-84A2-115DE7048109}"/>
              </a:ext>
            </a:extLst>
          </p:cNvPr>
          <p:cNvSpPr>
            <a:spLocks noGrp="1"/>
          </p:cNvSpPr>
          <p:nvPr>
            <p:ph type="title"/>
          </p:nvPr>
        </p:nvSpPr>
        <p:spPr>
          <a:xfrm>
            <a:off x="628649" y="365126"/>
            <a:ext cx="8406493" cy="603703"/>
          </a:xfrm>
        </p:spPr>
        <p:txBody>
          <a:bodyPr>
            <a:normAutofit/>
          </a:bodyPr>
          <a:lstStyle/>
          <a:p>
            <a:r>
              <a:rPr lang="en-SG" sz="3200" dirty="0"/>
              <a:t>Timeline: Cholesterol, Statins and TB</a:t>
            </a:r>
          </a:p>
        </p:txBody>
      </p:sp>
    </p:spTree>
    <p:extLst>
      <p:ext uri="{BB962C8B-B14F-4D97-AF65-F5344CB8AC3E}">
        <p14:creationId xmlns:p14="http://schemas.microsoft.com/office/powerpoint/2010/main" val="179351811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654C21-BB64-4FB5-A2F4-29ADB189A41F}"/>
              </a:ext>
            </a:extLst>
          </p:cNvPr>
          <p:cNvSpPr>
            <a:spLocks noGrp="1"/>
          </p:cNvSpPr>
          <p:nvPr>
            <p:ph type="title"/>
          </p:nvPr>
        </p:nvSpPr>
        <p:spPr/>
        <p:txBody>
          <a:bodyPr>
            <a:normAutofit/>
          </a:bodyPr>
          <a:lstStyle/>
          <a:p>
            <a:r>
              <a:rPr lang="en-SG" dirty="0"/>
              <a:t>Statins mechanism of action in tuberculosis</a:t>
            </a:r>
          </a:p>
        </p:txBody>
      </p:sp>
      <p:pic>
        <p:nvPicPr>
          <p:cNvPr id="10" name="Content Placeholder 9">
            <a:extLst>
              <a:ext uri="{FF2B5EF4-FFF2-40B4-BE49-F238E27FC236}">
                <a16:creationId xmlns:a16="http://schemas.microsoft.com/office/drawing/2014/main" id="{47E2363D-DE2E-4201-927E-307E2944515B}"/>
              </a:ext>
            </a:extLst>
          </p:cNvPr>
          <p:cNvPicPr>
            <a:picLocks noGrp="1" noChangeAspect="1"/>
          </p:cNvPicPr>
          <p:nvPr>
            <p:ph idx="1"/>
          </p:nvPr>
        </p:nvPicPr>
        <p:blipFill rotWithShape="1">
          <a:blip r:embed="rId3"/>
          <a:srcRect b="3348"/>
          <a:stretch/>
        </p:blipFill>
        <p:spPr>
          <a:xfrm>
            <a:off x="0" y="2003177"/>
            <a:ext cx="7300485" cy="4692257"/>
          </a:xfrm>
        </p:spPr>
      </p:pic>
      <p:sp>
        <p:nvSpPr>
          <p:cNvPr id="5" name="TextBox 4">
            <a:extLst>
              <a:ext uri="{FF2B5EF4-FFF2-40B4-BE49-F238E27FC236}">
                <a16:creationId xmlns:a16="http://schemas.microsoft.com/office/drawing/2014/main" id="{6E205029-65DE-425F-BFBD-CE2C6A37640D}"/>
              </a:ext>
            </a:extLst>
          </p:cNvPr>
          <p:cNvSpPr txBox="1"/>
          <p:nvPr/>
        </p:nvSpPr>
        <p:spPr>
          <a:xfrm>
            <a:off x="3650242" y="1836153"/>
            <a:ext cx="1076940" cy="553998"/>
          </a:xfrm>
          <a:prstGeom prst="rect">
            <a:avLst/>
          </a:prstGeom>
          <a:gradFill flip="none" rotWithShape="1">
            <a:gsLst>
              <a:gs pos="50000">
                <a:schemeClr val="accent4">
                  <a:lumMod val="20000"/>
                  <a:lumOff val="80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ln>
            <a:solidFill>
              <a:schemeClr val="tx1"/>
            </a:solidFill>
          </a:ln>
        </p:spPr>
        <p:txBody>
          <a:bodyPr wrap="square" rtlCol="0">
            <a:spAutoFit/>
          </a:bodyPr>
          <a:lstStyle/>
          <a:p>
            <a:r>
              <a:rPr lang="en-SG" sz="1000" b="1" dirty="0">
                <a:solidFill>
                  <a:srgbClr val="FF0000"/>
                </a:solidFill>
              </a:rPr>
              <a:t>1. </a:t>
            </a:r>
            <a:r>
              <a:rPr lang="en-SG" sz="1000" b="1" dirty="0"/>
              <a:t>Statins limit uptake into macrophages</a:t>
            </a:r>
          </a:p>
        </p:txBody>
      </p:sp>
      <p:sp>
        <p:nvSpPr>
          <p:cNvPr id="6" name="TextBox 5">
            <a:extLst>
              <a:ext uri="{FF2B5EF4-FFF2-40B4-BE49-F238E27FC236}">
                <a16:creationId xmlns:a16="http://schemas.microsoft.com/office/drawing/2014/main" id="{37E8CE0F-B4CA-438A-9353-4391B72BA0F5}"/>
              </a:ext>
            </a:extLst>
          </p:cNvPr>
          <p:cNvSpPr txBox="1"/>
          <p:nvPr/>
        </p:nvSpPr>
        <p:spPr>
          <a:xfrm>
            <a:off x="7256514" y="2936076"/>
            <a:ext cx="1258836" cy="553998"/>
          </a:xfrm>
          <a:prstGeom prst="rect">
            <a:avLst/>
          </a:prstGeom>
          <a:gradFill flip="none" rotWithShape="1">
            <a:gsLst>
              <a:gs pos="56000">
                <a:schemeClr val="accent4">
                  <a:lumMod val="20000"/>
                  <a:lumOff val="80000"/>
                </a:schemeClr>
              </a:gs>
              <a:gs pos="100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ln>
            <a:solidFill>
              <a:schemeClr val="tx1"/>
            </a:solidFill>
          </a:ln>
        </p:spPr>
        <p:txBody>
          <a:bodyPr wrap="square" rtlCol="0">
            <a:spAutoFit/>
          </a:bodyPr>
          <a:lstStyle/>
          <a:p>
            <a:r>
              <a:rPr lang="en-SG" sz="1000" b="1" dirty="0">
                <a:solidFill>
                  <a:srgbClr val="FF0000"/>
                </a:solidFill>
              </a:rPr>
              <a:t>2. </a:t>
            </a:r>
            <a:r>
              <a:rPr lang="en-SG" sz="1000" b="1" dirty="0"/>
              <a:t>Statins may limit formation of foamy macrophages</a:t>
            </a:r>
          </a:p>
        </p:txBody>
      </p:sp>
      <p:sp>
        <p:nvSpPr>
          <p:cNvPr id="7" name="TextBox 6">
            <a:extLst>
              <a:ext uri="{FF2B5EF4-FFF2-40B4-BE49-F238E27FC236}">
                <a16:creationId xmlns:a16="http://schemas.microsoft.com/office/drawing/2014/main" id="{34F73652-7298-4B02-A8A2-33D3FA2334B7}"/>
              </a:ext>
            </a:extLst>
          </p:cNvPr>
          <p:cNvSpPr txBox="1"/>
          <p:nvPr/>
        </p:nvSpPr>
        <p:spPr>
          <a:xfrm>
            <a:off x="7065746" y="5553352"/>
            <a:ext cx="2064471" cy="1015663"/>
          </a:xfrm>
          <a:prstGeom prst="rect">
            <a:avLst/>
          </a:prstGeom>
          <a:noFill/>
        </p:spPr>
        <p:txBody>
          <a:bodyPr wrap="square" rtlCol="0">
            <a:spAutoFit/>
          </a:bodyPr>
          <a:lstStyle/>
          <a:p>
            <a:r>
              <a:rPr lang="en-SG" sz="1200" dirty="0"/>
              <a:t>Parihar et al, </a:t>
            </a:r>
            <a:r>
              <a:rPr lang="en-SG" sz="1200" b="1" dirty="0"/>
              <a:t>Statins: a viable candidate for host-directed therapy against infectious diseases</a:t>
            </a:r>
            <a:r>
              <a:rPr lang="en-SG" sz="1200" dirty="0"/>
              <a:t>, Nature Reviews 2019</a:t>
            </a:r>
          </a:p>
        </p:txBody>
      </p:sp>
      <p:sp>
        <p:nvSpPr>
          <p:cNvPr id="13" name="TextBox 12">
            <a:extLst>
              <a:ext uri="{FF2B5EF4-FFF2-40B4-BE49-F238E27FC236}">
                <a16:creationId xmlns:a16="http://schemas.microsoft.com/office/drawing/2014/main" id="{7E8A1E7B-CCA3-4F29-9384-DAC9547FD450}"/>
              </a:ext>
            </a:extLst>
          </p:cNvPr>
          <p:cNvSpPr txBox="1"/>
          <p:nvPr/>
        </p:nvSpPr>
        <p:spPr>
          <a:xfrm>
            <a:off x="7300485" y="3715087"/>
            <a:ext cx="1258836" cy="707886"/>
          </a:xfrm>
          <a:prstGeom prst="rect">
            <a:avLst/>
          </a:prstGeom>
          <a:gradFill flip="none" rotWithShape="1">
            <a:gsLst>
              <a:gs pos="56000">
                <a:schemeClr val="accent4">
                  <a:lumMod val="20000"/>
                  <a:lumOff val="80000"/>
                </a:schemeClr>
              </a:gs>
              <a:gs pos="100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ln>
            <a:solidFill>
              <a:schemeClr val="tx1"/>
            </a:solidFill>
          </a:ln>
        </p:spPr>
        <p:txBody>
          <a:bodyPr wrap="square" rtlCol="0">
            <a:spAutoFit/>
          </a:bodyPr>
          <a:lstStyle/>
          <a:p>
            <a:r>
              <a:rPr lang="en-SG" sz="1000" b="1" dirty="0">
                <a:solidFill>
                  <a:srgbClr val="FF0000"/>
                </a:solidFill>
              </a:rPr>
              <a:t>3. </a:t>
            </a:r>
            <a:r>
              <a:rPr lang="en-SG" sz="1000" b="1" dirty="0"/>
              <a:t>Statins may limit cholesterol as a energy and carbon source  </a:t>
            </a:r>
          </a:p>
        </p:txBody>
      </p:sp>
      <p:sp>
        <p:nvSpPr>
          <p:cNvPr id="15" name="Rectangle 14">
            <a:extLst>
              <a:ext uri="{FF2B5EF4-FFF2-40B4-BE49-F238E27FC236}">
                <a16:creationId xmlns:a16="http://schemas.microsoft.com/office/drawing/2014/main" id="{A28C9171-4E81-474B-B78D-502B973850EB}"/>
              </a:ext>
            </a:extLst>
          </p:cNvPr>
          <p:cNvSpPr/>
          <p:nvPr/>
        </p:nvSpPr>
        <p:spPr>
          <a:xfrm>
            <a:off x="770021" y="4892842"/>
            <a:ext cx="6176211" cy="186890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6" name="TextBox 15">
            <a:extLst>
              <a:ext uri="{FF2B5EF4-FFF2-40B4-BE49-F238E27FC236}">
                <a16:creationId xmlns:a16="http://schemas.microsoft.com/office/drawing/2014/main" id="{9E5CA977-EF8A-4000-950A-2741C5F5BE61}"/>
              </a:ext>
            </a:extLst>
          </p:cNvPr>
          <p:cNvSpPr txBox="1"/>
          <p:nvPr/>
        </p:nvSpPr>
        <p:spPr>
          <a:xfrm>
            <a:off x="359888" y="4892842"/>
            <a:ext cx="337944" cy="246221"/>
          </a:xfrm>
          <a:prstGeom prst="rect">
            <a:avLst/>
          </a:prstGeom>
          <a:gradFill flip="none" rotWithShape="1">
            <a:gsLst>
              <a:gs pos="50000">
                <a:schemeClr val="accent4">
                  <a:lumMod val="20000"/>
                  <a:lumOff val="80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tileRect/>
          </a:gradFill>
          <a:ln>
            <a:solidFill>
              <a:schemeClr val="tx1"/>
            </a:solidFill>
          </a:ln>
        </p:spPr>
        <p:txBody>
          <a:bodyPr wrap="square" rtlCol="0">
            <a:spAutoFit/>
          </a:bodyPr>
          <a:lstStyle/>
          <a:p>
            <a:r>
              <a:rPr lang="en-SG" sz="1000" b="1" dirty="0">
                <a:solidFill>
                  <a:srgbClr val="FF0000"/>
                </a:solidFill>
              </a:rPr>
              <a:t>4.</a:t>
            </a:r>
            <a:endParaRPr lang="en-SG" sz="1000" b="1" dirty="0"/>
          </a:p>
        </p:txBody>
      </p:sp>
    </p:spTree>
    <p:extLst>
      <p:ext uri="{BB962C8B-B14F-4D97-AF65-F5344CB8AC3E}">
        <p14:creationId xmlns:p14="http://schemas.microsoft.com/office/powerpoint/2010/main" val="30607388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76ADE7B-188C-4544-832D-754B45D4A565}"/>
              </a:ext>
            </a:extLst>
          </p:cNvPr>
          <p:cNvSpPr>
            <a:spLocks noGrp="1"/>
          </p:cNvSpPr>
          <p:nvPr>
            <p:ph type="title"/>
          </p:nvPr>
        </p:nvSpPr>
        <p:spPr/>
        <p:txBody>
          <a:bodyPr/>
          <a:lstStyle/>
          <a:p>
            <a:r>
              <a:rPr lang="en-SG" i="1" dirty="0"/>
              <a:t>In Vitro </a:t>
            </a:r>
            <a:r>
              <a:rPr lang="en-SG" dirty="0"/>
              <a:t>and </a:t>
            </a:r>
            <a:r>
              <a:rPr lang="en-SG" i="1" dirty="0"/>
              <a:t>In Vivo </a:t>
            </a:r>
            <a:r>
              <a:rPr lang="en-SG" dirty="0"/>
              <a:t>data supporting the efficacy of Statins against </a:t>
            </a:r>
            <a:r>
              <a:rPr lang="en-SG" dirty="0" err="1"/>
              <a:t>Mtb</a:t>
            </a:r>
            <a:endParaRPr lang="en-SG" dirty="0"/>
          </a:p>
        </p:txBody>
      </p:sp>
      <p:sp>
        <p:nvSpPr>
          <p:cNvPr id="5" name="Text Placeholder 4">
            <a:extLst>
              <a:ext uri="{FF2B5EF4-FFF2-40B4-BE49-F238E27FC236}">
                <a16:creationId xmlns:a16="http://schemas.microsoft.com/office/drawing/2014/main" id="{F0C5152E-6CB6-43AC-9D31-FC41618AAF0B}"/>
              </a:ext>
            </a:extLst>
          </p:cNvPr>
          <p:cNvSpPr>
            <a:spLocks noGrp="1"/>
          </p:cNvSpPr>
          <p:nvPr>
            <p:ph type="body" idx="1"/>
          </p:nvPr>
        </p:nvSpPr>
        <p:spPr/>
        <p:txBody>
          <a:bodyPr/>
          <a:lstStyle/>
          <a:p>
            <a:endParaRPr lang="en-SG"/>
          </a:p>
        </p:txBody>
      </p:sp>
    </p:spTree>
    <p:extLst>
      <p:ext uri="{BB962C8B-B14F-4D97-AF65-F5344CB8AC3E}">
        <p14:creationId xmlns:p14="http://schemas.microsoft.com/office/powerpoint/2010/main" val="32002352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E4D436-A940-44F9-9FBC-9741CF2AC6F4}"/>
              </a:ext>
            </a:extLst>
          </p:cNvPr>
          <p:cNvSpPr>
            <a:spLocks noGrp="1"/>
          </p:cNvSpPr>
          <p:nvPr>
            <p:ph type="title"/>
          </p:nvPr>
        </p:nvSpPr>
        <p:spPr>
          <a:xfrm>
            <a:off x="314325" y="246048"/>
            <a:ext cx="8515350" cy="1325563"/>
          </a:xfrm>
        </p:spPr>
        <p:txBody>
          <a:bodyPr>
            <a:normAutofit fontScale="90000"/>
          </a:bodyPr>
          <a:lstStyle/>
          <a:p>
            <a:r>
              <a:rPr lang="en-SG" dirty="0"/>
              <a:t>Statins reduce </a:t>
            </a:r>
            <a:r>
              <a:rPr lang="en-SG" dirty="0" err="1"/>
              <a:t>Mtb</a:t>
            </a:r>
            <a:r>
              <a:rPr lang="en-SG" dirty="0"/>
              <a:t> Viability and work synergistically with anti-TB drugs</a:t>
            </a:r>
            <a:endParaRPr lang="en-SG" sz="2400" dirty="0"/>
          </a:p>
        </p:txBody>
      </p:sp>
      <p:sp>
        <p:nvSpPr>
          <p:cNvPr id="9" name="TextBox 8">
            <a:extLst>
              <a:ext uri="{FF2B5EF4-FFF2-40B4-BE49-F238E27FC236}">
                <a16:creationId xmlns:a16="http://schemas.microsoft.com/office/drawing/2014/main" id="{D4FE41F1-E552-41B3-A2EB-F797AC58A3E2}"/>
              </a:ext>
            </a:extLst>
          </p:cNvPr>
          <p:cNvSpPr txBox="1"/>
          <p:nvPr/>
        </p:nvSpPr>
        <p:spPr>
          <a:xfrm>
            <a:off x="52912" y="5398798"/>
            <a:ext cx="4743154" cy="523220"/>
          </a:xfrm>
          <a:prstGeom prst="rect">
            <a:avLst/>
          </a:prstGeom>
          <a:noFill/>
        </p:spPr>
        <p:txBody>
          <a:bodyPr wrap="square" rtlCol="0">
            <a:spAutoFit/>
          </a:bodyPr>
          <a:lstStyle/>
          <a:p>
            <a:r>
              <a:rPr lang="en-SG" sz="1400" dirty="0"/>
              <a:t>Lobato et al, </a:t>
            </a:r>
            <a:r>
              <a:rPr lang="en-SG" sz="1400" b="1" dirty="0"/>
              <a:t>Statins Increase Rifampicin Mycobacterial Effect, </a:t>
            </a:r>
            <a:r>
              <a:rPr lang="en-SG" sz="1400" dirty="0"/>
              <a:t>AAC, 2014</a:t>
            </a:r>
          </a:p>
        </p:txBody>
      </p:sp>
      <p:pic>
        <p:nvPicPr>
          <p:cNvPr id="12" name="Content Placeholder 11">
            <a:extLst>
              <a:ext uri="{FF2B5EF4-FFF2-40B4-BE49-F238E27FC236}">
                <a16:creationId xmlns:a16="http://schemas.microsoft.com/office/drawing/2014/main" id="{15ED0E81-205F-4322-9B85-F119316D6584}"/>
              </a:ext>
            </a:extLst>
          </p:cNvPr>
          <p:cNvPicPr>
            <a:picLocks noGrp="1" noChangeAspect="1"/>
          </p:cNvPicPr>
          <p:nvPr>
            <p:ph idx="1"/>
          </p:nvPr>
        </p:nvPicPr>
        <p:blipFill>
          <a:blip r:embed="rId3"/>
          <a:stretch>
            <a:fillRect/>
          </a:stretch>
        </p:blipFill>
        <p:spPr>
          <a:xfrm>
            <a:off x="314325" y="1633384"/>
            <a:ext cx="4525792" cy="3591232"/>
          </a:xfrm>
          <a:prstGeom prst="rect">
            <a:avLst/>
          </a:prstGeom>
        </p:spPr>
      </p:pic>
      <p:sp>
        <p:nvSpPr>
          <p:cNvPr id="13" name="Rectangle 12">
            <a:extLst>
              <a:ext uri="{FF2B5EF4-FFF2-40B4-BE49-F238E27FC236}">
                <a16:creationId xmlns:a16="http://schemas.microsoft.com/office/drawing/2014/main" id="{B80FBF53-8313-47CD-9C80-FF31594AD549}"/>
              </a:ext>
            </a:extLst>
          </p:cNvPr>
          <p:cNvSpPr/>
          <p:nvPr/>
        </p:nvSpPr>
        <p:spPr>
          <a:xfrm>
            <a:off x="1465382" y="2598822"/>
            <a:ext cx="705928" cy="1207926"/>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4" name="Rectangle 13">
            <a:extLst>
              <a:ext uri="{FF2B5EF4-FFF2-40B4-BE49-F238E27FC236}">
                <a16:creationId xmlns:a16="http://schemas.microsoft.com/office/drawing/2014/main" id="{B8EDFBE6-E6C3-415B-9580-6EB59BD8EBD7}"/>
              </a:ext>
            </a:extLst>
          </p:cNvPr>
          <p:cNvSpPr/>
          <p:nvPr/>
        </p:nvSpPr>
        <p:spPr>
          <a:xfrm>
            <a:off x="2588447" y="2408337"/>
            <a:ext cx="705928" cy="1438272"/>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5" name="Rectangle 14">
            <a:extLst>
              <a:ext uri="{FF2B5EF4-FFF2-40B4-BE49-F238E27FC236}">
                <a16:creationId xmlns:a16="http://schemas.microsoft.com/office/drawing/2014/main" id="{8FFEB035-EBB0-4433-B68A-0F01F19A5C3D}"/>
              </a:ext>
            </a:extLst>
          </p:cNvPr>
          <p:cNvSpPr/>
          <p:nvPr/>
        </p:nvSpPr>
        <p:spPr>
          <a:xfrm>
            <a:off x="2290346" y="2408336"/>
            <a:ext cx="268287" cy="1364401"/>
          </a:xfrm>
          <a:prstGeom prst="rect">
            <a:avLst/>
          </a:prstGeom>
          <a:noFill/>
          <a:ln w="254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6" name="Rectangle 15">
            <a:extLst>
              <a:ext uri="{FF2B5EF4-FFF2-40B4-BE49-F238E27FC236}">
                <a16:creationId xmlns:a16="http://schemas.microsoft.com/office/drawing/2014/main" id="{AF814BF9-26A9-4330-9144-BE4D17650DA3}"/>
              </a:ext>
            </a:extLst>
          </p:cNvPr>
          <p:cNvSpPr/>
          <p:nvPr/>
        </p:nvSpPr>
        <p:spPr>
          <a:xfrm>
            <a:off x="3383598" y="3002535"/>
            <a:ext cx="1017249" cy="852930"/>
          </a:xfrm>
          <a:prstGeom prst="rect">
            <a:avLst/>
          </a:prstGeom>
          <a:noFill/>
          <a:ln w="25400">
            <a:solidFill>
              <a:schemeClr val="accent4"/>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pic>
        <p:nvPicPr>
          <p:cNvPr id="22" name="Picture 21">
            <a:extLst>
              <a:ext uri="{FF2B5EF4-FFF2-40B4-BE49-F238E27FC236}">
                <a16:creationId xmlns:a16="http://schemas.microsoft.com/office/drawing/2014/main" id="{A8F457C2-E52B-48C5-91C5-25BDCACB0CCE}"/>
              </a:ext>
            </a:extLst>
          </p:cNvPr>
          <p:cNvPicPr>
            <a:picLocks noChangeAspect="1"/>
          </p:cNvPicPr>
          <p:nvPr/>
        </p:nvPicPr>
        <p:blipFill>
          <a:blip r:embed="rId4"/>
          <a:stretch>
            <a:fillRect/>
          </a:stretch>
        </p:blipFill>
        <p:spPr>
          <a:xfrm>
            <a:off x="5012217" y="2143987"/>
            <a:ext cx="3607842" cy="2704345"/>
          </a:xfrm>
          <a:prstGeom prst="rect">
            <a:avLst/>
          </a:prstGeom>
        </p:spPr>
      </p:pic>
      <p:sp>
        <p:nvSpPr>
          <p:cNvPr id="23" name="TextBox 22">
            <a:extLst>
              <a:ext uri="{FF2B5EF4-FFF2-40B4-BE49-F238E27FC236}">
                <a16:creationId xmlns:a16="http://schemas.microsoft.com/office/drawing/2014/main" id="{9A0D9C4B-59CC-4A5F-B9F0-B884FD2AEB86}"/>
              </a:ext>
            </a:extLst>
          </p:cNvPr>
          <p:cNvSpPr txBox="1"/>
          <p:nvPr/>
        </p:nvSpPr>
        <p:spPr>
          <a:xfrm>
            <a:off x="5242673" y="5334630"/>
            <a:ext cx="3989558" cy="523220"/>
          </a:xfrm>
          <a:prstGeom prst="rect">
            <a:avLst/>
          </a:prstGeom>
          <a:noFill/>
        </p:spPr>
        <p:txBody>
          <a:bodyPr wrap="square" rtlCol="0">
            <a:spAutoFit/>
          </a:bodyPr>
          <a:lstStyle/>
          <a:p>
            <a:r>
              <a:rPr lang="en-SG" sz="1400" dirty="0"/>
              <a:t>Dutta et al, </a:t>
            </a:r>
            <a:r>
              <a:rPr lang="en-SG" sz="1400" b="1" dirty="0"/>
              <a:t>Statins activity in the mouse model of TB, </a:t>
            </a:r>
            <a:r>
              <a:rPr lang="en-SG" sz="1400" dirty="0"/>
              <a:t>JAC, 2016</a:t>
            </a:r>
          </a:p>
        </p:txBody>
      </p:sp>
      <p:sp>
        <p:nvSpPr>
          <p:cNvPr id="24" name="TextBox 23">
            <a:extLst>
              <a:ext uri="{FF2B5EF4-FFF2-40B4-BE49-F238E27FC236}">
                <a16:creationId xmlns:a16="http://schemas.microsoft.com/office/drawing/2014/main" id="{CBEAFD8A-E515-4716-B3ED-2651C36B8F31}"/>
              </a:ext>
            </a:extLst>
          </p:cNvPr>
          <p:cNvSpPr txBox="1"/>
          <p:nvPr/>
        </p:nvSpPr>
        <p:spPr>
          <a:xfrm>
            <a:off x="2092906" y="6110382"/>
            <a:ext cx="5494421" cy="461665"/>
          </a:xfrm>
          <a:prstGeom prst="rect">
            <a:avLst/>
          </a:prstGeom>
          <a:noFill/>
        </p:spPr>
        <p:txBody>
          <a:bodyPr wrap="square" rtlCol="0">
            <a:spAutoFit/>
          </a:bodyPr>
          <a:lstStyle/>
          <a:p>
            <a:r>
              <a:rPr lang="en-SG" sz="1200" dirty="0"/>
              <a:t>Parihar et al, </a:t>
            </a:r>
            <a:r>
              <a:rPr lang="en-SG" sz="1200" b="1" dirty="0"/>
              <a:t>Statin Therapy Reduces the </a:t>
            </a:r>
            <a:r>
              <a:rPr lang="en-SG" sz="1200" b="1" dirty="0" err="1"/>
              <a:t>Mtb</a:t>
            </a:r>
            <a:r>
              <a:rPr lang="en-SG" sz="1200" b="1" dirty="0"/>
              <a:t> Burden in Human Macrophages and  in Mice by enhancing autophagy and phagosome maturation</a:t>
            </a:r>
            <a:r>
              <a:rPr lang="en-SG" sz="1200" dirty="0"/>
              <a:t>, JID, 2014</a:t>
            </a:r>
          </a:p>
        </p:txBody>
      </p:sp>
    </p:spTree>
    <p:extLst>
      <p:ext uri="{BB962C8B-B14F-4D97-AF65-F5344CB8AC3E}">
        <p14:creationId xmlns:p14="http://schemas.microsoft.com/office/powerpoint/2010/main" val="6048594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174202-2D73-473B-82B0-2256FD658EAF}"/>
              </a:ext>
            </a:extLst>
          </p:cNvPr>
          <p:cNvSpPr>
            <a:spLocks noGrp="1"/>
          </p:cNvSpPr>
          <p:nvPr>
            <p:ph type="title"/>
          </p:nvPr>
        </p:nvSpPr>
        <p:spPr/>
        <p:txBody>
          <a:bodyPr>
            <a:normAutofit fontScale="90000"/>
          </a:bodyPr>
          <a:lstStyle/>
          <a:p>
            <a:r>
              <a:rPr lang="en-SG" dirty="0"/>
              <a:t>Rosuvastatin and Simvastatin reduced bacillary burden in murine model</a:t>
            </a:r>
            <a:endParaRPr lang="en-SG" sz="2400" dirty="0"/>
          </a:p>
        </p:txBody>
      </p:sp>
      <p:pic>
        <p:nvPicPr>
          <p:cNvPr id="5" name="Content Placeholder 4">
            <a:extLst>
              <a:ext uri="{FF2B5EF4-FFF2-40B4-BE49-F238E27FC236}">
                <a16:creationId xmlns:a16="http://schemas.microsoft.com/office/drawing/2014/main" id="{E34EF4E0-7353-4C37-BAC9-F01FD3F5A855}"/>
              </a:ext>
            </a:extLst>
          </p:cNvPr>
          <p:cNvPicPr>
            <a:picLocks noGrp="1" noChangeAspect="1"/>
          </p:cNvPicPr>
          <p:nvPr>
            <p:ph idx="1"/>
          </p:nvPr>
        </p:nvPicPr>
        <p:blipFill>
          <a:blip r:embed="rId3"/>
          <a:stretch>
            <a:fillRect/>
          </a:stretch>
        </p:blipFill>
        <p:spPr>
          <a:xfrm>
            <a:off x="321751" y="1690689"/>
            <a:ext cx="6957945" cy="4696613"/>
          </a:xfrm>
        </p:spPr>
      </p:pic>
      <p:sp>
        <p:nvSpPr>
          <p:cNvPr id="6" name="TextBox 5">
            <a:extLst>
              <a:ext uri="{FF2B5EF4-FFF2-40B4-BE49-F238E27FC236}">
                <a16:creationId xmlns:a16="http://schemas.microsoft.com/office/drawing/2014/main" id="{290CCE98-80B4-4BC0-8FDE-0E145372AE9B}"/>
              </a:ext>
            </a:extLst>
          </p:cNvPr>
          <p:cNvSpPr txBox="1"/>
          <p:nvPr/>
        </p:nvSpPr>
        <p:spPr>
          <a:xfrm>
            <a:off x="7279696" y="5473005"/>
            <a:ext cx="1864304" cy="1384995"/>
          </a:xfrm>
          <a:prstGeom prst="rect">
            <a:avLst/>
          </a:prstGeom>
          <a:noFill/>
        </p:spPr>
        <p:txBody>
          <a:bodyPr wrap="square" rtlCol="0">
            <a:spAutoFit/>
          </a:bodyPr>
          <a:lstStyle/>
          <a:p>
            <a:r>
              <a:rPr lang="en-SG" sz="1200" dirty="0"/>
              <a:t>Parihar et al, </a:t>
            </a:r>
            <a:r>
              <a:rPr lang="en-SG" sz="1200" b="1" dirty="0"/>
              <a:t>Statin Therapy Reduces the </a:t>
            </a:r>
            <a:r>
              <a:rPr lang="en-SG" sz="1200" b="1" dirty="0" err="1"/>
              <a:t>Mtb</a:t>
            </a:r>
            <a:r>
              <a:rPr lang="en-SG" sz="1200" b="1" dirty="0"/>
              <a:t> Burden in Human Macrophages and  in Mice by enhancing autophagy and phagosome maturation</a:t>
            </a:r>
            <a:r>
              <a:rPr lang="en-SG" sz="1200" dirty="0"/>
              <a:t>, JID, 2014</a:t>
            </a:r>
          </a:p>
        </p:txBody>
      </p:sp>
    </p:spTree>
    <p:extLst>
      <p:ext uri="{BB962C8B-B14F-4D97-AF65-F5344CB8AC3E}">
        <p14:creationId xmlns:p14="http://schemas.microsoft.com/office/powerpoint/2010/main" val="357524720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E864C5A-C511-4C3A-8FCE-6E32C9AFAB75}"/>
              </a:ext>
            </a:extLst>
          </p:cNvPr>
          <p:cNvSpPr>
            <a:spLocks noGrp="1"/>
          </p:cNvSpPr>
          <p:nvPr>
            <p:ph type="title"/>
          </p:nvPr>
        </p:nvSpPr>
        <p:spPr>
          <a:xfrm>
            <a:off x="478301" y="336991"/>
            <a:ext cx="7886700" cy="1325563"/>
          </a:xfrm>
        </p:spPr>
        <p:txBody>
          <a:bodyPr>
            <a:normAutofit/>
          </a:bodyPr>
          <a:lstStyle/>
          <a:p>
            <a:r>
              <a:rPr lang="en-SG" dirty="0"/>
              <a:t>Statin reduced time to culture negative lungs – </a:t>
            </a:r>
            <a:r>
              <a:rPr lang="en-SG" sz="3200" dirty="0"/>
              <a:t>Dutta 2016</a:t>
            </a:r>
          </a:p>
        </p:txBody>
      </p:sp>
      <p:pic>
        <p:nvPicPr>
          <p:cNvPr id="5" name="Content Placeholder 4">
            <a:extLst>
              <a:ext uri="{FF2B5EF4-FFF2-40B4-BE49-F238E27FC236}">
                <a16:creationId xmlns:a16="http://schemas.microsoft.com/office/drawing/2014/main" id="{5F16749C-55B7-4B80-BBF5-AF4548ADFAA2}"/>
              </a:ext>
            </a:extLst>
          </p:cNvPr>
          <p:cNvPicPr>
            <a:picLocks noGrp="1" noChangeAspect="1"/>
          </p:cNvPicPr>
          <p:nvPr>
            <p:ph idx="1"/>
          </p:nvPr>
        </p:nvPicPr>
        <p:blipFill rotWithShape="1">
          <a:blip r:embed="rId3"/>
          <a:srcRect l="5666"/>
          <a:stretch/>
        </p:blipFill>
        <p:spPr>
          <a:xfrm>
            <a:off x="478301" y="1927459"/>
            <a:ext cx="6996378" cy="4149784"/>
          </a:xfrm>
        </p:spPr>
      </p:pic>
      <p:sp>
        <p:nvSpPr>
          <p:cNvPr id="8" name="TextBox 7">
            <a:extLst>
              <a:ext uri="{FF2B5EF4-FFF2-40B4-BE49-F238E27FC236}">
                <a16:creationId xmlns:a16="http://schemas.microsoft.com/office/drawing/2014/main" id="{ED59559F-F5F0-42D0-8372-FCB670591251}"/>
              </a:ext>
            </a:extLst>
          </p:cNvPr>
          <p:cNvSpPr txBox="1"/>
          <p:nvPr/>
        </p:nvSpPr>
        <p:spPr>
          <a:xfrm>
            <a:off x="6386732" y="6197843"/>
            <a:ext cx="2757268" cy="523220"/>
          </a:xfrm>
          <a:prstGeom prst="rect">
            <a:avLst/>
          </a:prstGeom>
          <a:noFill/>
        </p:spPr>
        <p:txBody>
          <a:bodyPr wrap="square" rtlCol="0">
            <a:spAutoFit/>
          </a:bodyPr>
          <a:lstStyle/>
          <a:p>
            <a:r>
              <a:rPr lang="en-SG" sz="1400" dirty="0"/>
              <a:t>Dutta, </a:t>
            </a:r>
            <a:r>
              <a:rPr lang="en-SG" sz="1400" b="1" dirty="0"/>
              <a:t>Statin activity in the mouse model of TB</a:t>
            </a:r>
            <a:r>
              <a:rPr lang="en-SG" sz="1400" dirty="0"/>
              <a:t>, JAC 2016</a:t>
            </a:r>
          </a:p>
        </p:txBody>
      </p:sp>
    </p:spTree>
    <p:extLst>
      <p:ext uri="{BB962C8B-B14F-4D97-AF65-F5344CB8AC3E}">
        <p14:creationId xmlns:p14="http://schemas.microsoft.com/office/powerpoint/2010/main" val="32115107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7BE230-D039-4199-8909-887277F0D32D}"/>
              </a:ext>
            </a:extLst>
          </p:cNvPr>
          <p:cNvSpPr>
            <a:spLocks noGrp="1"/>
          </p:cNvSpPr>
          <p:nvPr>
            <p:ph type="title"/>
          </p:nvPr>
        </p:nvSpPr>
        <p:spPr/>
        <p:txBody>
          <a:bodyPr>
            <a:normAutofit/>
          </a:bodyPr>
          <a:lstStyle/>
          <a:p>
            <a:r>
              <a:rPr lang="en-SG" dirty="0"/>
              <a:t>Statins reduced risk of relapse in a chronic TB mouse model</a:t>
            </a:r>
          </a:p>
        </p:txBody>
      </p:sp>
      <p:pic>
        <p:nvPicPr>
          <p:cNvPr id="4" name="Content Placeholder 3">
            <a:extLst>
              <a:ext uri="{FF2B5EF4-FFF2-40B4-BE49-F238E27FC236}">
                <a16:creationId xmlns:a16="http://schemas.microsoft.com/office/drawing/2014/main" id="{695E6EA2-F7A2-46FA-92FA-B741F013A234}"/>
              </a:ext>
            </a:extLst>
          </p:cNvPr>
          <p:cNvPicPr>
            <a:picLocks noGrp="1" noChangeAspect="1"/>
          </p:cNvPicPr>
          <p:nvPr>
            <p:ph idx="1"/>
          </p:nvPr>
        </p:nvPicPr>
        <p:blipFill>
          <a:blip r:embed="rId3"/>
          <a:stretch>
            <a:fillRect/>
          </a:stretch>
        </p:blipFill>
        <p:spPr>
          <a:xfrm>
            <a:off x="1423548" y="2096028"/>
            <a:ext cx="6296904" cy="3810532"/>
          </a:xfrm>
          <a:prstGeom prst="rect">
            <a:avLst/>
          </a:prstGeom>
        </p:spPr>
      </p:pic>
      <p:sp>
        <p:nvSpPr>
          <p:cNvPr id="5" name="TextBox 4">
            <a:extLst>
              <a:ext uri="{FF2B5EF4-FFF2-40B4-BE49-F238E27FC236}">
                <a16:creationId xmlns:a16="http://schemas.microsoft.com/office/drawing/2014/main" id="{4F3C24F1-2405-4061-AA3C-BFA1C00F0E8B}"/>
              </a:ext>
            </a:extLst>
          </p:cNvPr>
          <p:cNvSpPr txBox="1"/>
          <p:nvPr/>
        </p:nvSpPr>
        <p:spPr>
          <a:xfrm>
            <a:off x="6386732" y="6197843"/>
            <a:ext cx="2757268" cy="523220"/>
          </a:xfrm>
          <a:prstGeom prst="rect">
            <a:avLst/>
          </a:prstGeom>
          <a:noFill/>
        </p:spPr>
        <p:txBody>
          <a:bodyPr wrap="square" rtlCol="0">
            <a:spAutoFit/>
          </a:bodyPr>
          <a:lstStyle/>
          <a:p>
            <a:r>
              <a:rPr lang="en-SG" sz="1400" dirty="0"/>
              <a:t>Dutta, </a:t>
            </a:r>
            <a:r>
              <a:rPr lang="en-SG" sz="1400" b="1" dirty="0"/>
              <a:t>Statin activity in the mouse model of TB</a:t>
            </a:r>
            <a:r>
              <a:rPr lang="en-SG" sz="1400" dirty="0"/>
              <a:t>, JAC 2016</a:t>
            </a:r>
          </a:p>
        </p:txBody>
      </p:sp>
    </p:spTree>
    <p:extLst>
      <p:ext uri="{BB962C8B-B14F-4D97-AF65-F5344CB8AC3E}">
        <p14:creationId xmlns:p14="http://schemas.microsoft.com/office/powerpoint/2010/main" val="32822077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E6A9BE-1CF1-42A3-97CF-5EFAB2CB52B8}"/>
              </a:ext>
            </a:extLst>
          </p:cNvPr>
          <p:cNvSpPr>
            <a:spLocks noGrp="1"/>
          </p:cNvSpPr>
          <p:nvPr>
            <p:ph type="title"/>
          </p:nvPr>
        </p:nvSpPr>
        <p:spPr/>
        <p:txBody>
          <a:bodyPr/>
          <a:lstStyle/>
          <a:p>
            <a:r>
              <a:rPr lang="en-SG" b="1" dirty="0"/>
              <a:t>Designing a HDT TB trial</a:t>
            </a:r>
          </a:p>
        </p:txBody>
      </p:sp>
      <p:graphicFrame>
        <p:nvGraphicFramePr>
          <p:cNvPr id="4" name="Content Placeholder 3">
            <a:extLst>
              <a:ext uri="{FF2B5EF4-FFF2-40B4-BE49-F238E27FC236}">
                <a16:creationId xmlns:a16="http://schemas.microsoft.com/office/drawing/2014/main" id="{382A2F75-9148-4C12-ADF9-1E5E378BDB01}"/>
              </a:ext>
            </a:extLst>
          </p:cNvPr>
          <p:cNvGraphicFramePr>
            <a:graphicFrameLocks noGrp="1"/>
          </p:cNvGraphicFramePr>
          <p:nvPr>
            <p:ph idx="1"/>
            <p:extLst>
              <p:ext uri="{D42A27DB-BD31-4B8C-83A1-F6EECF244321}">
                <p14:modId xmlns:p14="http://schemas.microsoft.com/office/powerpoint/2010/main" val="1429985379"/>
              </p:ext>
            </p:extLst>
          </p:nvPr>
        </p:nvGraphicFramePr>
        <p:xfrm>
          <a:off x="628650" y="1825625"/>
          <a:ext cx="7886700" cy="43513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93737108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4">
            <a:extLst>
              <a:ext uri="{FF2B5EF4-FFF2-40B4-BE49-F238E27FC236}">
                <a16:creationId xmlns:a16="http://schemas.microsoft.com/office/drawing/2014/main" id="{70691EB8-0CF0-42EB-895C-F871DAA27E2B}"/>
              </a:ext>
            </a:extLst>
          </p:cNvPr>
          <p:cNvGraphicFramePr>
            <a:graphicFrameLocks noGrp="1"/>
          </p:cNvGraphicFramePr>
          <p:nvPr>
            <p:ph idx="1"/>
            <p:extLst>
              <p:ext uri="{D42A27DB-BD31-4B8C-83A1-F6EECF244321}">
                <p14:modId xmlns:p14="http://schemas.microsoft.com/office/powerpoint/2010/main" val="2101959959"/>
              </p:ext>
            </p:extLst>
          </p:nvPr>
        </p:nvGraphicFramePr>
        <p:xfrm>
          <a:off x="381000" y="1825624"/>
          <a:ext cx="8601074" cy="3891281"/>
        </p:xfrm>
        <a:graphic>
          <a:graphicData uri="http://schemas.openxmlformats.org/drawingml/2006/table">
            <a:tbl>
              <a:tblPr firstRow="1" bandRow="1">
                <a:tableStyleId>{5C22544A-7EE6-4342-B048-85BDC9FD1C3A}</a:tableStyleId>
              </a:tblPr>
              <a:tblGrid>
                <a:gridCol w="1257300">
                  <a:extLst>
                    <a:ext uri="{9D8B030D-6E8A-4147-A177-3AD203B41FA5}">
                      <a16:colId xmlns:a16="http://schemas.microsoft.com/office/drawing/2014/main" val="2082377824"/>
                    </a:ext>
                  </a:extLst>
                </a:gridCol>
                <a:gridCol w="2499747">
                  <a:extLst>
                    <a:ext uri="{9D8B030D-6E8A-4147-A177-3AD203B41FA5}">
                      <a16:colId xmlns:a16="http://schemas.microsoft.com/office/drawing/2014/main" val="3965191820"/>
                    </a:ext>
                  </a:extLst>
                </a:gridCol>
                <a:gridCol w="2377053">
                  <a:extLst>
                    <a:ext uri="{9D8B030D-6E8A-4147-A177-3AD203B41FA5}">
                      <a16:colId xmlns:a16="http://schemas.microsoft.com/office/drawing/2014/main" val="2316818880"/>
                    </a:ext>
                  </a:extLst>
                </a:gridCol>
                <a:gridCol w="2466974">
                  <a:extLst>
                    <a:ext uri="{9D8B030D-6E8A-4147-A177-3AD203B41FA5}">
                      <a16:colId xmlns:a16="http://schemas.microsoft.com/office/drawing/2014/main" val="4019652347"/>
                    </a:ext>
                  </a:extLst>
                </a:gridCol>
              </a:tblGrid>
              <a:tr h="431801">
                <a:tc>
                  <a:txBody>
                    <a:bodyPr/>
                    <a:lstStyle/>
                    <a:p>
                      <a:r>
                        <a:rPr lang="en-SG" dirty="0"/>
                        <a:t>Trial</a:t>
                      </a:r>
                    </a:p>
                  </a:txBody>
                  <a:tcPr/>
                </a:tc>
                <a:tc>
                  <a:txBody>
                    <a:bodyPr/>
                    <a:lstStyle/>
                    <a:p>
                      <a:r>
                        <a:rPr lang="en-SG" dirty="0"/>
                        <a:t>AIM</a:t>
                      </a:r>
                    </a:p>
                  </a:txBody>
                  <a:tcPr/>
                </a:tc>
                <a:tc>
                  <a:txBody>
                    <a:bodyPr/>
                    <a:lstStyle/>
                    <a:p>
                      <a:r>
                        <a:rPr lang="en-SG" dirty="0"/>
                        <a:t>Design</a:t>
                      </a:r>
                    </a:p>
                  </a:txBody>
                  <a:tcPr/>
                </a:tc>
                <a:tc>
                  <a:txBody>
                    <a:bodyPr/>
                    <a:lstStyle/>
                    <a:p>
                      <a:r>
                        <a:rPr lang="en-SG" dirty="0"/>
                        <a:t>Primary Outcomes</a:t>
                      </a:r>
                    </a:p>
                  </a:txBody>
                  <a:tcPr/>
                </a:tc>
                <a:extLst>
                  <a:ext uri="{0D108BD9-81ED-4DB2-BD59-A6C34878D82A}">
                    <a16:rowId xmlns:a16="http://schemas.microsoft.com/office/drawing/2014/main" val="2371062578"/>
                  </a:ext>
                </a:extLst>
              </a:tr>
              <a:tr h="751205">
                <a:tc>
                  <a:txBody>
                    <a:bodyPr/>
                    <a:lstStyle/>
                    <a:p>
                      <a:r>
                        <a:rPr lang="en-SG" sz="1900" b="1" dirty="0" err="1"/>
                        <a:t>StAT</a:t>
                      </a:r>
                      <a:r>
                        <a:rPr lang="en-SG" sz="1900" b="1" dirty="0"/>
                        <a:t>-TB,</a:t>
                      </a:r>
                    </a:p>
                    <a:p>
                      <a:r>
                        <a:rPr lang="en-SG" sz="1900" b="0" i="1" dirty="0"/>
                        <a:t>recruiting</a:t>
                      </a:r>
                    </a:p>
                    <a:p>
                      <a:endParaRPr lang="en-SG" sz="1900" b="1" dirty="0"/>
                    </a:p>
                  </a:txBody>
                  <a:tcPr/>
                </a:tc>
                <a:tc>
                  <a:txBody>
                    <a:bodyPr/>
                    <a:lstStyle/>
                    <a:p>
                      <a:r>
                        <a:rPr lang="en-US" sz="1900" b="0" i="0" kern="1200" dirty="0">
                          <a:solidFill>
                            <a:schemeClr val="dk1"/>
                          </a:solidFill>
                          <a:effectLst/>
                          <a:latin typeface="+mn-lt"/>
                          <a:ea typeface="+mn-ea"/>
                          <a:cs typeface="+mn-cs"/>
                        </a:rPr>
                        <a:t>Safety, tolerability, and </a:t>
                      </a:r>
                      <a:r>
                        <a:rPr lang="en-US" sz="1900" b="0" i="0" kern="1200" dirty="0" err="1">
                          <a:solidFill>
                            <a:schemeClr val="dk1"/>
                          </a:solidFill>
                          <a:effectLst/>
                          <a:latin typeface="+mn-lt"/>
                          <a:ea typeface="+mn-ea"/>
                          <a:cs typeface="+mn-cs"/>
                        </a:rPr>
                        <a:t>pK</a:t>
                      </a:r>
                      <a:r>
                        <a:rPr lang="en-US" sz="1900" b="0" i="0" kern="1200" dirty="0">
                          <a:solidFill>
                            <a:schemeClr val="dk1"/>
                          </a:solidFill>
                          <a:effectLst/>
                          <a:latin typeface="+mn-lt"/>
                          <a:ea typeface="+mn-ea"/>
                          <a:cs typeface="+mn-cs"/>
                        </a:rPr>
                        <a:t> of </a:t>
                      </a:r>
                      <a:r>
                        <a:rPr lang="en-US" sz="1900" b="1" i="0" kern="1200" dirty="0">
                          <a:solidFill>
                            <a:schemeClr val="dk1"/>
                          </a:solidFill>
                          <a:effectLst/>
                          <a:latin typeface="+mn-lt"/>
                          <a:ea typeface="+mn-ea"/>
                          <a:cs typeface="+mn-cs"/>
                        </a:rPr>
                        <a:t>pravastatin</a:t>
                      </a:r>
                      <a:r>
                        <a:rPr lang="en-US" sz="1900" b="0" i="0" kern="1200" dirty="0">
                          <a:solidFill>
                            <a:schemeClr val="dk1"/>
                          </a:solidFill>
                          <a:effectLst/>
                          <a:latin typeface="+mn-lt"/>
                          <a:ea typeface="+mn-ea"/>
                          <a:cs typeface="+mn-cs"/>
                        </a:rPr>
                        <a:t> + TB treatment. </a:t>
                      </a:r>
                      <a:endParaRPr lang="en-SG" sz="1900" dirty="0"/>
                    </a:p>
                  </a:txBody>
                  <a:tcPr/>
                </a:tc>
                <a:tc>
                  <a:txBody>
                    <a:bodyPr/>
                    <a:lstStyle/>
                    <a:p>
                      <a:r>
                        <a:rPr lang="en-SG" sz="1900" b="1" dirty="0"/>
                        <a:t>n=40</a:t>
                      </a:r>
                      <a:endParaRPr lang="en-SG" sz="1900" dirty="0"/>
                    </a:p>
                    <a:p>
                      <a:r>
                        <a:rPr lang="en-SG" sz="1900" dirty="0"/>
                        <a:t>80 -&gt; 40, 120, 160mg</a:t>
                      </a:r>
                    </a:p>
                    <a:p>
                      <a:r>
                        <a:rPr lang="en-SG" sz="1900" dirty="0"/>
                        <a:t>14 days duration </a:t>
                      </a:r>
                    </a:p>
                  </a:txBody>
                  <a:tcPr/>
                </a:tc>
                <a:tc>
                  <a:txBody>
                    <a:bodyPr/>
                    <a:lstStyle/>
                    <a:p>
                      <a:r>
                        <a:rPr lang="en-US" sz="1900" b="0" i="0" kern="1200" dirty="0">
                          <a:solidFill>
                            <a:schemeClr val="dk1"/>
                          </a:solidFill>
                          <a:effectLst/>
                          <a:latin typeface="+mn-lt"/>
                          <a:ea typeface="+mn-ea"/>
                          <a:cs typeface="+mn-cs"/>
                        </a:rPr>
                        <a:t>1) Number of </a:t>
                      </a:r>
                      <a:r>
                        <a:rPr lang="en-US" sz="1900" b="0" i="0" kern="1200" dirty="0">
                          <a:solidFill>
                            <a:schemeClr val="dk1"/>
                          </a:solidFill>
                          <a:effectLst/>
                          <a:latin typeface="Times New Roman" panose="02020603050405020304" pitchFamily="18" charset="0"/>
                          <a:ea typeface="+mn-ea"/>
                          <a:cs typeface="Times New Roman" panose="02020603050405020304" pitchFamily="18" charset="0"/>
                        </a:rPr>
                        <a:t>≥ </a:t>
                      </a:r>
                      <a:r>
                        <a:rPr lang="en-US" sz="1900" b="0" i="0" kern="1200" dirty="0">
                          <a:solidFill>
                            <a:schemeClr val="dk1"/>
                          </a:solidFill>
                          <a:effectLst/>
                          <a:latin typeface="+mn-lt"/>
                          <a:ea typeface="+mn-ea"/>
                          <a:cs typeface="+mn-cs"/>
                        </a:rPr>
                        <a:t>Grade 3 AE.</a:t>
                      </a:r>
                      <a:endParaRPr lang="en-SG" sz="1900" dirty="0"/>
                    </a:p>
                  </a:txBody>
                  <a:tcPr/>
                </a:tc>
                <a:extLst>
                  <a:ext uri="{0D108BD9-81ED-4DB2-BD59-A6C34878D82A}">
                    <a16:rowId xmlns:a16="http://schemas.microsoft.com/office/drawing/2014/main" val="1274495118"/>
                  </a:ext>
                </a:extLst>
              </a:tr>
              <a:tr h="902475">
                <a:tc>
                  <a:txBody>
                    <a:bodyPr/>
                    <a:lstStyle/>
                    <a:p>
                      <a:r>
                        <a:rPr lang="en-SG" sz="1900" b="1" dirty="0"/>
                        <a:t>ROSETTA </a:t>
                      </a:r>
                    </a:p>
                    <a:p>
                      <a:endParaRPr lang="en-SG" sz="1900" b="1" dirty="0"/>
                    </a:p>
                  </a:txBody>
                  <a:tcPr/>
                </a:tc>
                <a:tc>
                  <a:txBody>
                    <a:bodyPr/>
                    <a:lstStyle/>
                    <a:p>
                      <a:r>
                        <a:rPr lang="en-SG" sz="1900" dirty="0"/>
                        <a:t>Efficacy of </a:t>
                      </a:r>
                      <a:r>
                        <a:rPr lang="en-SG" sz="1900" b="1" dirty="0"/>
                        <a:t>rosuvastatin</a:t>
                      </a:r>
                      <a:r>
                        <a:rPr lang="en-SG" sz="1900" dirty="0"/>
                        <a:t> + TB treatment; microbiological, safety, clinical</a:t>
                      </a:r>
                    </a:p>
                  </a:txBody>
                  <a:tcPr/>
                </a:tc>
                <a:tc>
                  <a:txBody>
                    <a:bodyPr/>
                    <a:lstStyle/>
                    <a:p>
                      <a:r>
                        <a:rPr lang="en-SG" sz="1900" b="1" dirty="0"/>
                        <a:t>n=154</a:t>
                      </a:r>
                    </a:p>
                    <a:p>
                      <a:r>
                        <a:rPr lang="en-SG" sz="1900" dirty="0"/>
                        <a:t>10mg</a:t>
                      </a:r>
                    </a:p>
                    <a:p>
                      <a:r>
                        <a:rPr lang="en-SG" sz="1900" dirty="0"/>
                        <a:t>24 weeks (8 weeks primary end-point)</a:t>
                      </a:r>
                    </a:p>
                  </a:txBody>
                  <a:tcPr/>
                </a:tc>
                <a:tc>
                  <a:txBody>
                    <a:bodyPr/>
                    <a:lstStyle/>
                    <a:p>
                      <a:pPr marL="342900" indent="-342900">
                        <a:buAutoNum type="arabicParenR"/>
                      </a:pPr>
                      <a:r>
                        <a:rPr lang="en-SG" sz="1900" dirty="0"/>
                        <a:t>Time to SCC within 8 weeks</a:t>
                      </a:r>
                    </a:p>
                    <a:p>
                      <a:pPr marL="342900" indent="-342900">
                        <a:buAutoNum type="arabicParenR"/>
                      </a:pPr>
                      <a:r>
                        <a:rPr lang="en-SG" sz="1900" dirty="0"/>
                        <a:t>Grade 3/4 </a:t>
                      </a:r>
                    </a:p>
                  </a:txBody>
                  <a:tcPr/>
                </a:tc>
                <a:extLst>
                  <a:ext uri="{0D108BD9-81ED-4DB2-BD59-A6C34878D82A}">
                    <a16:rowId xmlns:a16="http://schemas.microsoft.com/office/drawing/2014/main" val="871861458"/>
                  </a:ext>
                </a:extLst>
              </a:tr>
              <a:tr h="751205">
                <a:tc>
                  <a:txBody>
                    <a:bodyPr/>
                    <a:lstStyle/>
                    <a:p>
                      <a:r>
                        <a:rPr lang="en-SG" sz="1900" b="1" dirty="0"/>
                        <a:t>ATORTUB, </a:t>
                      </a:r>
                      <a:r>
                        <a:rPr lang="en-SG" sz="1900" b="0" i="1" dirty="0"/>
                        <a:t>recruiting</a:t>
                      </a:r>
                    </a:p>
                  </a:txBody>
                  <a:tcPr/>
                </a:tc>
                <a:tc>
                  <a:txBody>
                    <a:bodyPr/>
                    <a:lstStyle/>
                    <a:p>
                      <a:r>
                        <a:rPr lang="en-SG" sz="1900" dirty="0"/>
                        <a:t>Efficacy of </a:t>
                      </a:r>
                      <a:r>
                        <a:rPr lang="en-SG" sz="1900" b="1" dirty="0"/>
                        <a:t>atorvastatin </a:t>
                      </a:r>
                      <a:r>
                        <a:rPr lang="en-SG" sz="1900" dirty="0"/>
                        <a:t>+ TB treatment; microbiological, safety</a:t>
                      </a:r>
                    </a:p>
                  </a:txBody>
                  <a:tcPr/>
                </a:tc>
                <a:tc>
                  <a:txBody>
                    <a:bodyPr/>
                    <a:lstStyle/>
                    <a:p>
                      <a:r>
                        <a:rPr lang="en-SG" sz="1900" b="1" dirty="0"/>
                        <a:t>n=150</a:t>
                      </a:r>
                    </a:p>
                    <a:p>
                      <a:r>
                        <a:rPr lang="en-SG" sz="1900" b="0" dirty="0"/>
                        <a:t>30/40mg</a:t>
                      </a:r>
                    </a:p>
                    <a:p>
                      <a:r>
                        <a:rPr lang="en-SG" sz="1900" b="0" dirty="0"/>
                        <a:t>24 weeks (8 week primary end-point)</a:t>
                      </a:r>
                    </a:p>
                  </a:txBody>
                  <a:tcPr/>
                </a:tc>
                <a:tc>
                  <a:txBody>
                    <a:bodyPr/>
                    <a:lstStyle/>
                    <a:p>
                      <a:pPr marL="342900" indent="-342900">
                        <a:buAutoNum type="arabicParenR"/>
                      </a:pPr>
                      <a:r>
                        <a:rPr lang="en-SG" sz="1900" dirty="0"/>
                        <a:t>SCC at 8 weeks</a:t>
                      </a:r>
                    </a:p>
                    <a:p>
                      <a:pPr marL="342900" indent="-342900">
                        <a:buAutoNum type="arabicParenR"/>
                      </a:pPr>
                      <a:r>
                        <a:rPr lang="en-SG" sz="1900" dirty="0"/>
                        <a:t>EBA (solid culture)</a:t>
                      </a:r>
                    </a:p>
                    <a:p>
                      <a:pPr marL="342900" indent="-342900">
                        <a:buAutoNum type="arabicParenR"/>
                      </a:pPr>
                      <a:r>
                        <a:rPr lang="en-SG" sz="1900" dirty="0"/>
                        <a:t>Treatment related AE</a:t>
                      </a:r>
                    </a:p>
                  </a:txBody>
                  <a:tcPr/>
                </a:tc>
                <a:extLst>
                  <a:ext uri="{0D108BD9-81ED-4DB2-BD59-A6C34878D82A}">
                    <a16:rowId xmlns:a16="http://schemas.microsoft.com/office/drawing/2014/main" val="2017363577"/>
                  </a:ext>
                </a:extLst>
              </a:tr>
            </a:tbl>
          </a:graphicData>
        </a:graphic>
      </p:graphicFrame>
      <p:sp>
        <p:nvSpPr>
          <p:cNvPr id="7" name="Title 1">
            <a:extLst>
              <a:ext uri="{FF2B5EF4-FFF2-40B4-BE49-F238E27FC236}">
                <a16:creationId xmlns:a16="http://schemas.microsoft.com/office/drawing/2014/main" id="{DC957C6C-EB48-4C9A-95B1-EB60B772CF9B}"/>
              </a:ext>
            </a:extLst>
          </p:cNvPr>
          <p:cNvSpPr txBox="1">
            <a:spLocks/>
          </p:cNvSpPr>
          <p:nvPr/>
        </p:nvSpPr>
        <p:spPr>
          <a:xfrm>
            <a:off x="781050" y="517527"/>
            <a:ext cx="7886700" cy="117792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SG" dirty="0"/>
              <a:t>Current Trials of Statins in TB</a:t>
            </a:r>
          </a:p>
        </p:txBody>
      </p:sp>
    </p:spTree>
    <p:extLst>
      <p:ext uri="{BB962C8B-B14F-4D97-AF65-F5344CB8AC3E}">
        <p14:creationId xmlns:p14="http://schemas.microsoft.com/office/powerpoint/2010/main" val="42935135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C7EBABE-CA53-4F25-80AB-F9DE093C9504}"/>
              </a:ext>
            </a:extLst>
          </p:cNvPr>
          <p:cNvSpPr>
            <a:spLocks noGrp="1"/>
          </p:cNvSpPr>
          <p:nvPr>
            <p:ph type="ctrTitle"/>
          </p:nvPr>
        </p:nvSpPr>
        <p:spPr>
          <a:xfrm>
            <a:off x="685800" y="1865764"/>
            <a:ext cx="7772400" cy="2387600"/>
          </a:xfrm>
        </p:spPr>
        <p:txBody>
          <a:bodyPr>
            <a:normAutofit/>
          </a:bodyPr>
          <a:lstStyle/>
          <a:p>
            <a:r>
              <a:rPr lang="en-SG" sz="5000" b="1" dirty="0" err="1"/>
              <a:t>ROS</a:t>
            </a:r>
            <a:r>
              <a:rPr lang="en-SG" sz="5000" dirty="0" err="1"/>
              <a:t>uvastatin</a:t>
            </a:r>
            <a:r>
              <a:rPr lang="en-SG" sz="5000" dirty="0"/>
              <a:t> </a:t>
            </a:r>
            <a:r>
              <a:rPr lang="en-SG" sz="5000" b="1" dirty="0"/>
              <a:t>E</a:t>
            </a:r>
            <a:r>
              <a:rPr lang="en-SG" sz="5000" dirty="0"/>
              <a:t>valuation as a </a:t>
            </a:r>
            <a:r>
              <a:rPr lang="en-SG" sz="5000" b="1" dirty="0"/>
              <a:t>T</a:t>
            </a:r>
            <a:r>
              <a:rPr lang="en-SG" sz="5000" dirty="0"/>
              <a:t>uberculosis </a:t>
            </a:r>
            <a:r>
              <a:rPr lang="en-SG" sz="5000" b="1" dirty="0"/>
              <a:t>T</a:t>
            </a:r>
            <a:r>
              <a:rPr lang="en-SG" sz="5000" dirty="0"/>
              <a:t>reatment </a:t>
            </a:r>
            <a:r>
              <a:rPr lang="en-SG" sz="5000" b="1" dirty="0"/>
              <a:t>A</a:t>
            </a:r>
            <a:r>
              <a:rPr lang="en-SG" sz="5000" dirty="0"/>
              <a:t>djunct </a:t>
            </a:r>
          </a:p>
        </p:txBody>
      </p:sp>
      <p:sp>
        <p:nvSpPr>
          <p:cNvPr id="3" name="Subtitle 2">
            <a:extLst>
              <a:ext uri="{FF2B5EF4-FFF2-40B4-BE49-F238E27FC236}">
                <a16:creationId xmlns:a16="http://schemas.microsoft.com/office/drawing/2014/main" id="{5D5D9A02-2C4B-43B2-9167-D660F8007E74}"/>
              </a:ext>
            </a:extLst>
          </p:cNvPr>
          <p:cNvSpPr>
            <a:spLocks noGrp="1"/>
          </p:cNvSpPr>
          <p:nvPr>
            <p:ph type="subTitle" idx="1"/>
          </p:nvPr>
        </p:nvSpPr>
        <p:spPr>
          <a:xfrm>
            <a:off x="1143000" y="4679724"/>
            <a:ext cx="6858000" cy="1655762"/>
          </a:xfrm>
        </p:spPr>
        <p:txBody>
          <a:bodyPr>
            <a:normAutofit fontScale="77500" lnSpcReduction="20000"/>
          </a:bodyPr>
          <a:lstStyle/>
          <a:p>
            <a:r>
              <a:rPr lang="en-SG" sz="2500" b="1" dirty="0">
                <a:latin typeface="Calibri" panose="020F0502020204030204" pitchFamily="34" charset="0"/>
                <a:cs typeface="Calibri" panose="020F0502020204030204" pitchFamily="34" charset="0"/>
              </a:rPr>
              <a:t>Sponsor: </a:t>
            </a:r>
            <a:r>
              <a:rPr lang="en-SG" sz="2500" dirty="0">
                <a:latin typeface="Calibri" panose="020F0502020204030204" pitchFamily="34" charset="0"/>
                <a:cs typeface="Calibri" panose="020F0502020204030204" pitchFamily="34" charset="0"/>
              </a:rPr>
              <a:t>National University Hospital, Singapore</a:t>
            </a:r>
          </a:p>
          <a:p>
            <a:r>
              <a:rPr lang="en-SG" sz="2400" b="1" dirty="0">
                <a:latin typeface="Calibri" panose="020F0502020204030204" pitchFamily="34" charset="0"/>
                <a:cs typeface="Calibri" panose="020F0502020204030204" pitchFamily="34" charset="0"/>
              </a:rPr>
              <a:t>Funded: </a:t>
            </a:r>
            <a:r>
              <a:rPr lang="en-SG" sz="2400" dirty="0">
                <a:latin typeface="Calibri" panose="020F0502020204030204" pitchFamily="34" charset="0"/>
                <a:cs typeface="Calibri" panose="020F0502020204030204" pitchFamily="34" charset="0"/>
              </a:rPr>
              <a:t>National Medical Research Council, Singapore</a:t>
            </a:r>
          </a:p>
          <a:p>
            <a:endParaRPr lang="en-SG" dirty="0">
              <a:latin typeface="Calibri" panose="020F0502020204030204" pitchFamily="34" charset="0"/>
              <a:cs typeface="Calibri" panose="020F0502020204030204" pitchFamily="34" charset="0"/>
            </a:endParaRPr>
          </a:p>
          <a:p>
            <a:r>
              <a:rPr lang="en-SG" sz="2400" b="1" dirty="0">
                <a:latin typeface="Calibri" panose="020F0502020204030204" pitchFamily="34" charset="0"/>
                <a:cs typeface="Calibri" panose="020F0502020204030204" pitchFamily="34" charset="0"/>
              </a:rPr>
              <a:t>Chief Investigator: </a:t>
            </a:r>
            <a:r>
              <a:rPr lang="en-SG" sz="2400" dirty="0">
                <a:latin typeface="Calibri" panose="020F0502020204030204" pitchFamily="34" charset="0"/>
                <a:cs typeface="Calibri" panose="020F0502020204030204" pitchFamily="34" charset="0"/>
              </a:rPr>
              <a:t>Prof Nick Paton</a:t>
            </a:r>
          </a:p>
          <a:p>
            <a:r>
              <a:rPr lang="en-SG" b="1" dirty="0">
                <a:latin typeface="Calibri" panose="020F0502020204030204" pitchFamily="34" charset="0"/>
                <a:cs typeface="Calibri" panose="020F0502020204030204" pitchFamily="34" charset="0"/>
              </a:rPr>
              <a:t>Project Lead: </a:t>
            </a:r>
            <a:r>
              <a:rPr lang="en-SG" dirty="0">
                <a:latin typeface="Calibri" panose="020F0502020204030204" pitchFamily="34" charset="0"/>
                <a:cs typeface="Calibri" panose="020F0502020204030204" pitchFamily="34" charset="0"/>
              </a:rPr>
              <a:t>Dr Gail Cross</a:t>
            </a:r>
            <a:endParaRPr lang="en-SG" sz="2400" dirty="0">
              <a:latin typeface="Calibri" panose="020F0502020204030204" pitchFamily="34" charset="0"/>
              <a:cs typeface="Calibri" panose="020F0502020204030204" pitchFamily="34" charset="0"/>
            </a:endParaRPr>
          </a:p>
          <a:p>
            <a:endParaRPr lang="en-SG" dirty="0"/>
          </a:p>
        </p:txBody>
      </p:sp>
      <p:pic>
        <p:nvPicPr>
          <p:cNvPr id="4" name="Picture 3">
            <a:extLst>
              <a:ext uri="{FF2B5EF4-FFF2-40B4-BE49-F238E27FC236}">
                <a16:creationId xmlns:a16="http://schemas.microsoft.com/office/drawing/2014/main" id="{E7D8D41A-DEAA-4489-B908-4F5D6D772918}"/>
              </a:ext>
            </a:extLst>
          </p:cNvPr>
          <p:cNvPicPr>
            <a:picLocks noChangeAspect="1"/>
          </p:cNvPicPr>
          <p:nvPr/>
        </p:nvPicPr>
        <p:blipFill>
          <a:blip r:embed="rId3"/>
          <a:stretch>
            <a:fillRect/>
          </a:stretch>
        </p:blipFill>
        <p:spPr>
          <a:xfrm>
            <a:off x="1926528" y="322716"/>
            <a:ext cx="5530272" cy="1116689"/>
          </a:xfrm>
          <a:prstGeom prst="rect">
            <a:avLst/>
          </a:prstGeom>
        </p:spPr>
      </p:pic>
    </p:spTree>
    <p:extLst>
      <p:ext uri="{BB962C8B-B14F-4D97-AF65-F5344CB8AC3E}">
        <p14:creationId xmlns:p14="http://schemas.microsoft.com/office/powerpoint/2010/main" val="428802606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11" name="Rectangle 8">
            <a:extLst>
              <a:ext uri="{FF2B5EF4-FFF2-40B4-BE49-F238E27FC236}">
                <a16:creationId xmlns:a16="http://schemas.microsoft.com/office/drawing/2014/main" id="{955A2079-FA98-4876-80F0-72364A7D2EA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9141713"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81A21D9F-2AB5-4C74-B539-D0DE4AFC05D9}"/>
              </a:ext>
            </a:extLst>
          </p:cNvPr>
          <p:cNvSpPr>
            <a:spLocks noGrp="1"/>
          </p:cNvSpPr>
          <p:nvPr>
            <p:ph type="title"/>
          </p:nvPr>
        </p:nvSpPr>
        <p:spPr>
          <a:xfrm>
            <a:off x="627506" y="278594"/>
            <a:ext cx="7886700" cy="826916"/>
          </a:xfrm>
        </p:spPr>
        <p:txBody>
          <a:bodyPr>
            <a:normAutofit/>
          </a:bodyPr>
          <a:lstStyle/>
          <a:p>
            <a:pPr algn="ctr"/>
            <a:r>
              <a:rPr lang="en-SG" sz="4500" dirty="0"/>
              <a:t>Which Statin? </a:t>
            </a:r>
          </a:p>
        </p:txBody>
      </p:sp>
      <p:graphicFrame>
        <p:nvGraphicFramePr>
          <p:cNvPr id="4" name="Content Placeholder 3">
            <a:extLst>
              <a:ext uri="{FF2B5EF4-FFF2-40B4-BE49-F238E27FC236}">
                <a16:creationId xmlns:a16="http://schemas.microsoft.com/office/drawing/2014/main" id="{D376EF42-2CCE-4A0D-BBC0-142522FA3DB6}"/>
              </a:ext>
            </a:extLst>
          </p:cNvPr>
          <p:cNvGraphicFramePr>
            <a:graphicFrameLocks noGrp="1"/>
          </p:cNvGraphicFramePr>
          <p:nvPr>
            <p:ph idx="1"/>
            <p:extLst>
              <p:ext uri="{D42A27DB-BD31-4B8C-83A1-F6EECF244321}">
                <p14:modId xmlns:p14="http://schemas.microsoft.com/office/powerpoint/2010/main" val="2207995117"/>
              </p:ext>
            </p:extLst>
          </p:nvPr>
        </p:nvGraphicFramePr>
        <p:xfrm>
          <a:off x="-1" y="1384104"/>
          <a:ext cx="9141714" cy="5230056"/>
        </p:xfrm>
        <a:graphic>
          <a:graphicData uri="http://schemas.openxmlformats.org/drawingml/2006/table">
            <a:tbl>
              <a:tblPr firstRow="1" firstCol="1" bandRow="1">
                <a:noFill/>
                <a:tableStyleId>{5C22544A-7EE6-4342-B048-85BDC9FD1C3A}</a:tableStyleId>
              </a:tblPr>
              <a:tblGrid>
                <a:gridCol w="2307102">
                  <a:extLst>
                    <a:ext uri="{9D8B030D-6E8A-4147-A177-3AD203B41FA5}">
                      <a16:colId xmlns:a16="http://schemas.microsoft.com/office/drawing/2014/main" val="3025461919"/>
                    </a:ext>
                  </a:extLst>
                </a:gridCol>
                <a:gridCol w="1266092">
                  <a:extLst>
                    <a:ext uri="{9D8B030D-6E8A-4147-A177-3AD203B41FA5}">
                      <a16:colId xmlns:a16="http://schemas.microsoft.com/office/drawing/2014/main" val="2487520158"/>
                    </a:ext>
                  </a:extLst>
                </a:gridCol>
                <a:gridCol w="1223889">
                  <a:extLst>
                    <a:ext uri="{9D8B030D-6E8A-4147-A177-3AD203B41FA5}">
                      <a16:colId xmlns:a16="http://schemas.microsoft.com/office/drawing/2014/main" val="2772863583"/>
                    </a:ext>
                  </a:extLst>
                </a:gridCol>
                <a:gridCol w="1111349">
                  <a:extLst>
                    <a:ext uri="{9D8B030D-6E8A-4147-A177-3AD203B41FA5}">
                      <a16:colId xmlns:a16="http://schemas.microsoft.com/office/drawing/2014/main" val="3515723266"/>
                    </a:ext>
                  </a:extLst>
                </a:gridCol>
                <a:gridCol w="1111347">
                  <a:extLst>
                    <a:ext uri="{9D8B030D-6E8A-4147-A177-3AD203B41FA5}">
                      <a16:colId xmlns:a16="http://schemas.microsoft.com/office/drawing/2014/main" val="3256735180"/>
                    </a:ext>
                  </a:extLst>
                </a:gridCol>
                <a:gridCol w="1098109">
                  <a:extLst>
                    <a:ext uri="{9D8B030D-6E8A-4147-A177-3AD203B41FA5}">
                      <a16:colId xmlns:a16="http://schemas.microsoft.com/office/drawing/2014/main" val="3368127853"/>
                    </a:ext>
                  </a:extLst>
                </a:gridCol>
                <a:gridCol w="1023826">
                  <a:extLst>
                    <a:ext uri="{9D8B030D-6E8A-4147-A177-3AD203B41FA5}">
                      <a16:colId xmlns:a16="http://schemas.microsoft.com/office/drawing/2014/main" val="872641532"/>
                    </a:ext>
                  </a:extLst>
                </a:gridCol>
              </a:tblGrid>
              <a:tr h="291155">
                <a:tc>
                  <a:txBody>
                    <a:bodyPr/>
                    <a:lstStyle/>
                    <a:p>
                      <a:pPr algn="just"/>
                      <a:r>
                        <a:rPr lang="en-GB" sz="1600" b="0" cap="none" spc="0" dirty="0">
                          <a:solidFill>
                            <a:schemeClr val="tx1"/>
                          </a:solidFill>
                          <a:effectLst/>
                        </a:rPr>
                        <a:t> </a:t>
                      </a:r>
                      <a:endParaRPr lang="en-SG" sz="1600" b="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1" cap="none" spc="0" dirty="0">
                          <a:solidFill>
                            <a:srgbClr val="FF0000"/>
                          </a:solidFill>
                          <a:effectLst/>
                        </a:rPr>
                        <a:t>Rosuvastatin</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0" cap="none" spc="0" dirty="0" err="1">
                          <a:solidFill>
                            <a:schemeClr val="tx1"/>
                          </a:solidFill>
                          <a:effectLst/>
                        </a:rPr>
                        <a:t>Pitavastatin</a:t>
                      </a:r>
                      <a:endParaRPr lang="en-SG" sz="1600" b="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1" cap="none" spc="0" dirty="0">
                          <a:solidFill>
                            <a:srgbClr val="0070C0"/>
                          </a:solidFill>
                          <a:effectLst/>
                        </a:rPr>
                        <a:t>Pravastatin</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0" cap="none" spc="0" dirty="0">
                          <a:solidFill>
                            <a:schemeClr val="tx1"/>
                          </a:solidFill>
                          <a:effectLst/>
                        </a:rPr>
                        <a:t>Atorvastatin</a:t>
                      </a:r>
                      <a:endParaRPr lang="en-SG" sz="1600" b="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0" cap="none" spc="0" dirty="0">
                          <a:solidFill>
                            <a:schemeClr val="tx1"/>
                          </a:solidFill>
                          <a:effectLst/>
                        </a:rPr>
                        <a:t>Simvastatin</a:t>
                      </a:r>
                      <a:endParaRPr lang="en-SG" sz="1600" b="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tc>
                  <a:txBody>
                    <a:bodyPr/>
                    <a:lstStyle/>
                    <a:p>
                      <a:pPr algn="just"/>
                      <a:r>
                        <a:rPr lang="en-GB" sz="1600" b="0" cap="none" spc="0" dirty="0">
                          <a:solidFill>
                            <a:schemeClr val="tx1"/>
                          </a:solidFill>
                          <a:effectLst/>
                        </a:rPr>
                        <a:t>Fluvastatin</a:t>
                      </a:r>
                      <a:endParaRPr lang="en-SG" sz="1600" b="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lnL>
                    <a:lnR w="12700" cmpd="sng">
                      <a:noFill/>
                    </a:lnR>
                    <a:lnT w="28575" cap="flat" cmpd="sng" algn="ctr">
                      <a:solidFill>
                        <a:schemeClr val="tx1"/>
                      </a:solidFill>
                      <a:prstDash val="solid"/>
                    </a:lnT>
                    <a:lnB w="38100" cmpd="sng">
                      <a:noFill/>
                    </a:lnB>
                    <a:noFill/>
                  </a:tcPr>
                </a:tc>
                <a:extLst>
                  <a:ext uri="{0D108BD9-81ED-4DB2-BD59-A6C34878D82A}">
                    <a16:rowId xmlns:a16="http://schemas.microsoft.com/office/drawing/2014/main" val="1591193531"/>
                  </a:ext>
                </a:extLst>
              </a:tr>
              <a:tr h="291155">
                <a:tc>
                  <a:txBody>
                    <a:bodyPr/>
                    <a:lstStyle/>
                    <a:p>
                      <a:r>
                        <a:rPr lang="en-GB" sz="1600" b="1" cap="none" spc="0" dirty="0">
                          <a:solidFill>
                            <a:schemeClr val="tx1"/>
                          </a:solidFill>
                          <a:effectLst/>
                        </a:rPr>
                        <a:t>LDL-C lowering Potency</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28575" cap="flat" cmpd="sng" algn="ctr">
                      <a:noFill/>
                      <a:prstDash val="solid"/>
                    </a:lnL>
                    <a:lnR w="12700" cmpd="sng">
                      <a:noFill/>
                      <a:prstDash val="solid"/>
                    </a:lnR>
                    <a:lnT w="38100" cmpd="sng">
                      <a:noFill/>
                    </a:lnT>
                    <a:lnB w="12700" cap="flat" cmpd="sng" algn="ctr">
                      <a:noFill/>
                      <a:prstDash val="solid"/>
                    </a:lnB>
                    <a:noFill/>
                  </a:tcPr>
                </a:tc>
                <a:tc>
                  <a:txBody>
                    <a:bodyPr/>
                    <a:lstStyle/>
                    <a:p>
                      <a:pPr algn="just"/>
                      <a:r>
                        <a:rPr lang="en-GB" sz="1600" b="1" cap="none" spc="0" dirty="0">
                          <a:solidFill>
                            <a:srgbClr val="FF0000"/>
                          </a:solidFill>
                          <a:effectLst/>
                        </a:rPr>
                        <a:t>++++</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38100" cmpd="sng">
                      <a:noFill/>
                    </a:lnT>
                    <a:lnB w="12700" cap="flat" cmpd="sng" algn="ctr">
                      <a:noFill/>
                      <a:prstDash val="solid"/>
                    </a:lnB>
                    <a:noFill/>
                  </a:tcPr>
                </a:tc>
                <a:tc>
                  <a:txBody>
                    <a:bodyPr/>
                    <a:lstStyle/>
                    <a:p>
                      <a:pPr algn="just"/>
                      <a:r>
                        <a:rPr lang="en-GB" sz="1600" cap="none" spc="0">
                          <a:solidFill>
                            <a:schemeClr val="tx1"/>
                          </a:solidFill>
                          <a:effectLst/>
                        </a:rPr>
                        <a:t>++</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38100" cmpd="sng">
                      <a:noFill/>
                    </a:lnT>
                    <a:lnB w="12700" cap="flat" cmpd="sng" algn="ctr">
                      <a:noFill/>
                      <a:prstDash val="solid"/>
                    </a:lnB>
                    <a:noFill/>
                  </a:tcPr>
                </a:tc>
                <a:tc>
                  <a:txBody>
                    <a:bodyPr/>
                    <a:lstStyle/>
                    <a:p>
                      <a:pPr algn="just"/>
                      <a:r>
                        <a:rPr lang="en-GB" sz="1600" b="1" cap="none" spc="0" dirty="0">
                          <a:solidFill>
                            <a:srgbClr val="0070C0"/>
                          </a:solidFill>
                          <a:effectLst/>
                        </a:rPr>
                        <a:t>+</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38100" cmpd="sng">
                      <a:noFill/>
                    </a:lnT>
                    <a:lnB w="12700" cap="flat" cmpd="sng" algn="ctr">
                      <a:noFill/>
                      <a:prstDash val="solid"/>
                    </a:lnB>
                    <a:noFill/>
                  </a:tcPr>
                </a:tc>
                <a:tc>
                  <a:txBody>
                    <a:bodyPr/>
                    <a:lstStyle/>
                    <a:p>
                      <a:pPr algn="just"/>
                      <a:r>
                        <a:rPr lang="en-GB" sz="1600" cap="none" spc="0">
                          <a:solidFill>
                            <a:schemeClr val="tx1"/>
                          </a:solidFill>
                          <a:effectLst/>
                        </a:rPr>
                        <a:t>+++</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38100" cmpd="sng">
                      <a:noFill/>
                    </a:lnT>
                    <a:lnB w="12700" cap="flat" cmpd="sng" algn="ctr">
                      <a:noFill/>
                      <a:prstDash val="solid"/>
                    </a:lnB>
                    <a:noFill/>
                  </a:tcPr>
                </a:tc>
                <a:tc>
                  <a:txBody>
                    <a:bodyPr/>
                    <a:lstStyle/>
                    <a:p>
                      <a:pPr algn="just"/>
                      <a:r>
                        <a:rPr lang="en-GB" sz="1600" cap="none" spc="0">
                          <a:solidFill>
                            <a:schemeClr val="tx1"/>
                          </a:solidFill>
                          <a:effectLst/>
                        </a:rPr>
                        <a:t>++</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38100" cmpd="sng">
                      <a:noFill/>
                    </a:lnT>
                    <a:lnB w="12700" cap="flat" cmpd="sng" algn="ctr">
                      <a:noFill/>
                      <a:prstDash val="solid"/>
                    </a:lnB>
                    <a:noFill/>
                  </a:tcPr>
                </a:tc>
                <a:tc>
                  <a:txBody>
                    <a:bodyPr/>
                    <a:lstStyle/>
                    <a:p>
                      <a:pPr algn="just"/>
                      <a:r>
                        <a:rPr lang="en-GB" sz="1600" cap="none" spc="0">
                          <a:solidFill>
                            <a:schemeClr val="tx1"/>
                          </a:solidFill>
                          <a:effectLst/>
                        </a:rPr>
                        <a:t>+</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28575" cap="flat" cmpd="sng" algn="ctr">
                      <a:noFill/>
                      <a:prstDash val="solid"/>
                    </a:lnR>
                    <a:lnT w="38100" cmpd="sng">
                      <a:noFill/>
                    </a:lnT>
                    <a:lnB w="12700" cap="flat" cmpd="sng" algn="ctr">
                      <a:noFill/>
                      <a:prstDash val="solid"/>
                    </a:lnB>
                    <a:noFill/>
                  </a:tcPr>
                </a:tc>
                <a:extLst>
                  <a:ext uri="{0D108BD9-81ED-4DB2-BD59-A6C34878D82A}">
                    <a16:rowId xmlns:a16="http://schemas.microsoft.com/office/drawing/2014/main" val="1226733991"/>
                  </a:ext>
                </a:extLst>
              </a:tr>
              <a:tr h="455516">
                <a:tc>
                  <a:txBody>
                    <a:bodyPr/>
                    <a:lstStyle/>
                    <a:p>
                      <a:r>
                        <a:rPr lang="en-GB" sz="1600" b="1" cap="none" spc="0" dirty="0">
                          <a:solidFill>
                            <a:schemeClr val="tx1"/>
                          </a:solidFill>
                          <a:effectLst/>
                        </a:rPr>
                        <a:t>IC</a:t>
                      </a:r>
                      <a:r>
                        <a:rPr lang="en-GB" sz="1600" b="1" cap="none" spc="0" baseline="-25000" dirty="0">
                          <a:solidFill>
                            <a:schemeClr val="tx1"/>
                          </a:solidFill>
                          <a:effectLst/>
                        </a:rPr>
                        <a:t>50 </a:t>
                      </a:r>
                      <a:r>
                        <a:rPr lang="en-GB" sz="1600" b="1" cap="none" spc="0" dirty="0">
                          <a:solidFill>
                            <a:schemeClr val="tx1"/>
                          </a:solidFill>
                          <a:effectLst/>
                        </a:rPr>
                        <a:t>(</a:t>
                      </a:r>
                      <a:r>
                        <a:rPr lang="en-GB" sz="1600" b="1" cap="none" spc="0" dirty="0" err="1">
                          <a:solidFill>
                            <a:schemeClr val="tx1"/>
                          </a:solidFill>
                          <a:effectLst/>
                        </a:rPr>
                        <a:t>nM</a:t>
                      </a:r>
                      <a:r>
                        <a:rPr lang="en-GB" sz="1600" b="1" cap="none" spc="0" dirty="0">
                          <a:solidFill>
                            <a:schemeClr val="tx1"/>
                          </a:solidFill>
                          <a:effectLst/>
                        </a:rPr>
                        <a:t>) for HMG-CoA reductase inhibition </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FF0000"/>
                          </a:solidFill>
                          <a:effectLst/>
                        </a:rPr>
                        <a:t>5.4</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6.8</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0070C0"/>
                          </a:solidFill>
                          <a:effectLst/>
                        </a:rPr>
                        <a:t>44.1</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8.2</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10.0</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27.6</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817449411"/>
                  </a:ext>
                </a:extLst>
              </a:tr>
              <a:tr h="455516">
                <a:tc>
                  <a:txBody>
                    <a:bodyPr/>
                    <a:lstStyle/>
                    <a:p>
                      <a:r>
                        <a:rPr lang="en-GB" sz="1600" b="1" cap="none" spc="0" dirty="0">
                          <a:solidFill>
                            <a:schemeClr val="tx1"/>
                          </a:solidFill>
                          <a:effectLst/>
                        </a:rPr>
                        <a:t>Lipophilicity </a:t>
                      </a:r>
                      <a:endParaRPr lang="en-SG" sz="1600" b="1" cap="none" spc="0" dirty="0">
                        <a:solidFill>
                          <a:schemeClr val="tx1"/>
                        </a:solidFill>
                        <a:effectLst/>
                      </a:endParaRPr>
                    </a:p>
                    <a:p>
                      <a:r>
                        <a:rPr lang="en-GB" sz="1600" b="1" cap="none" spc="0" dirty="0">
                          <a:solidFill>
                            <a:schemeClr val="tx1"/>
                          </a:solidFill>
                          <a:effectLst/>
                        </a:rPr>
                        <a:t>(log P)</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28575"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FF0000"/>
                          </a:solidFill>
                          <a:effectLst/>
                        </a:rPr>
                        <a:t>0.13</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1.49</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0070C0"/>
                          </a:solidFill>
                          <a:effectLst/>
                        </a:rPr>
                        <a:t>-0.23</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4.06</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4.68</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3.24</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28575" cap="flat" cmpd="sng" algn="ctr">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257562295"/>
                  </a:ext>
                </a:extLst>
              </a:tr>
              <a:tr h="291155">
                <a:tc>
                  <a:txBody>
                    <a:bodyPr/>
                    <a:lstStyle/>
                    <a:p>
                      <a:r>
                        <a:rPr lang="en-GB" sz="1600" b="1" cap="none" spc="0" dirty="0">
                          <a:solidFill>
                            <a:schemeClr val="tx1"/>
                          </a:solidFill>
                          <a:effectLst/>
                        </a:rPr>
                        <a:t>Bioavailability</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FF0000"/>
                          </a:solidFill>
                          <a:effectLst/>
                        </a:rPr>
                        <a:t>20%</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51%</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0070C0"/>
                          </a:solidFill>
                          <a:effectLst/>
                        </a:rPr>
                        <a:t>17%</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14%</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lt;5%</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24%</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2281957296"/>
                  </a:ext>
                </a:extLst>
              </a:tr>
              <a:tr h="291155">
                <a:tc>
                  <a:txBody>
                    <a:bodyPr/>
                    <a:lstStyle/>
                    <a:p>
                      <a:r>
                        <a:rPr lang="en-GB" sz="1600" b="1" cap="none" spc="0" dirty="0">
                          <a:solidFill>
                            <a:schemeClr val="tx1"/>
                          </a:solidFill>
                          <a:effectLst/>
                        </a:rPr>
                        <a:t>Elimination ½ life (hours)</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28575"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FF0000"/>
                          </a:solidFill>
                          <a:effectLst/>
                        </a:rPr>
                        <a:t>19</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9</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0070C0"/>
                          </a:solidFill>
                          <a:effectLst/>
                        </a:rPr>
                        <a:t>1-3</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14</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2-5</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1-3</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28575" cap="flat" cmpd="sng" algn="ctr">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1881426697"/>
                  </a:ext>
                </a:extLst>
              </a:tr>
              <a:tr h="549437">
                <a:tc>
                  <a:txBody>
                    <a:bodyPr/>
                    <a:lstStyle/>
                    <a:p>
                      <a:r>
                        <a:rPr lang="en-GB" sz="1600" b="1" cap="none" spc="0" dirty="0">
                          <a:solidFill>
                            <a:schemeClr val="tx1"/>
                          </a:solidFill>
                          <a:effectLst/>
                        </a:rPr>
                        <a:t>CYP P450 metabolism</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FF0000"/>
                          </a:solidFill>
                          <a:effectLst/>
                        </a:rPr>
                        <a:t>CYP2C9 (minor)</a:t>
                      </a:r>
                      <a:endParaRPr lang="en-SG" sz="1600" b="1" cap="none" spc="0" dirty="0">
                        <a:solidFill>
                          <a:srgbClr val="FF0000"/>
                        </a:solidFill>
                        <a:effectLst/>
                      </a:endParaRPr>
                    </a:p>
                    <a:p>
                      <a:pPr algn="just"/>
                      <a:r>
                        <a:rPr lang="en-GB" sz="1600" b="1" cap="none" spc="0" dirty="0">
                          <a:solidFill>
                            <a:srgbClr val="FF0000"/>
                          </a:solidFill>
                          <a:effectLst/>
                        </a:rPr>
                        <a:t> </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CYP2C9</a:t>
                      </a:r>
                      <a:endParaRPr lang="en-SG" sz="1600" cap="none" spc="0" dirty="0">
                        <a:solidFill>
                          <a:schemeClr val="tx1"/>
                        </a:solidFill>
                        <a:effectLst/>
                      </a:endParaRPr>
                    </a:p>
                    <a:p>
                      <a:pPr algn="just"/>
                      <a:r>
                        <a:rPr lang="en-GB" sz="1600" cap="none" spc="0" dirty="0">
                          <a:solidFill>
                            <a:schemeClr val="tx1"/>
                          </a:solidFill>
                          <a:effectLst/>
                        </a:rPr>
                        <a:t>(minor)</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0070C0"/>
                          </a:solidFill>
                          <a:effectLst/>
                        </a:rPr>
                        <a:t>None</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CYP3A4</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CYP3A4</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CYP2C9 (minor)</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2949515981"/>
                  </a:ext>
                </a:extLst>
              </a:tr>
              <a:tr h="291155">
                <a:tc>
                  <a:txBody>
                    <a:bodyPr/>
                    <a:lstStyle/>
                    <a:p>
                      <a:r>
                        <a:rPr lang="en-GB" sz="1600" b="1" cap="none" spc="0" dirty="0">
                          <a:solidFill>
                            <a:schemeClr val="tx1"/>
                          </a:solidFill>
                          <a:effectLst/>
                        </a:rPr>
                        <a:t>Interaction with Rifampicin</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28575"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FF0000"/>
                          </a:solidFill>
                          <a:effectLst/>
                        </a:rPr>
                        <a:t>NO</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UNCLEAR</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0070C0"/>
                          </a:solidFill>
                          <a:effectLst/>
                        </a:rPr>
                        <a:t>YES </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YES</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YES </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YES</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28575" cap="flat" cmpd="sng" algn="ctr">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665403038"/>
                  </a:ext>
                </a:extLst>
              </a:tr>
              <a:tr h="291155">
                <a:tc>
                  <a:txBody>
                    <a:bodyPr/>
                    <a:lstStyle/>
                    <a:p>
                      <a:r>
                        <a:rPr lang="en-GB" sz="1600" b="1" cap="none" spc="0" dirty="0">
                          <a:solidFill>
                            <a:schemeClr val="tx1"/>
                          </a:solidFill>
                          <a:effectLst/>
                        </a:rPr>
                        <a:t>Interaction with Protease inhibitors</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FF0000"/>
                          </a:solidFill>
                          <a:effectLst/>
                        </a:rPr>
                        <a:t>NO</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Unknown</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0070C0"/>
                          </a:solidFill>
                          <a:effectLst/>
                        </a:rPr>
                        <a:t>NO</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YES</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YES</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NO</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967512481"/>
                  </a:ext>
                </a:extLst>
              </a:tr>
              <a:tr h="291155">
                <a:tc>
                  <a:txBody>
                    <a:bodyPr/>
                    <a:lstStyle/>
                    <a:p>
                      <a:r>
                        <a:rPr lang="en-GB" sz="1600" b="1" cap="none" spc="0" dirty="0">
                          <a:solidFill>
                            <a:schemeClr val="tx1"/>
                          </a:solidFill>
                          <a:effectLst/>
                        </a:rPr>
                        <a:t>In vivo mouse model data </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28575" cap="flat" cmpd="sng" algn="ctr">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FF0000"/>
                          </a:solidFill>
                          <a:effectLst/>
                        </a:rPr>
                        <a:t>YES</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dirty="0">
                          <a:solidFill>
                            <a:schemeClr val="tx1"/>
                          </a:solidFill>
                          <a:effectLst/>
                        </a:rPr>
                        <a:t>NO</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b="1" cap="none" spc="0" dirty="0">
                          <a:solidFill>
                            <a:srgbClr val="0070C0"/>
                          </a:solidFill>
                          <a:effectLst/>
                        </a:rPr>
                        <a:t>NO</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dirty="0">
                          <a:solidFill>
                            <a:schemeClr val="tx1"/>
                          </a:solidFill>
                          <a:effectLst/>
                        </a:rPr>
                        <a:t>YES</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dirty="0">
                          <a:solidFill>
                            <a:schemeClr val="tx1"/>
                          </a:solidFill>
                          <a:effectLst/>
                        </a:rPr>
                        <a:t>YES</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mpd="sng">
                      <a:noFill/>
                      <a:prstDash val="solid"/>
                    </a:lnT>
                    <a:lnB w="12700" cap="flat" cmpd="sng" algn="ctr">
                      <a:noFill/>
                      <a:prstDash val="solid"/>
                    </a:lnB>
                    <a:noFill/>
                  </a:tcPr>
                </a:tc>
                <a:tc>
                  <a:txBody>
                    <a:bodyPr/>
                    <a:lstStyle/>
                    <a:p>
                      <a:pPr algn="just"/>
                      <a:r>
                        <a:rPr lang="en-GB" sz="1600" cap="none" spc="0">
                          <a:solidFill>
                            <a:schemeClr val="tx1"/>
                          </a:solidFill>
                          <a:effectLst/>
                        </a:rPr>
                        <a:t>NO</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28575" cap="flat" cmpd="sng" algn="ctr">
                      <a:noFill/>
                      <a:prstDash val="solid"/>
                    </a:lnR>
                    <a:lnT w="12700" cmpd="sng">
                      <a:noFill/>
                      <a:prstDash val="solid"/>
                    </a:lnT>
                    <a:lnB w="12700" cap="flat" cmpd="sng" algn="ctr">
                      <a:noFill/>
                      <a:prstDash val="solid"/>
                    </a:lnB>
                    <a:noFill/>
                  </a:tcPr>
                </a:tc>
                <a:extLst>
                  <a:ext uri="{0D108BD9-81ED-4DB2-BD59-A6C34878D82A}">
                    <a16:rowId xmlns:a16="http://schemas.microsoft.com/office/drawing/2014/main" val="1278874742"/>
                  </a:ext>
                </a:extLst>
              </a:tr>
              <a:tr h="291155">
                <a:tc>
                  <a:txBody>
                    <a:bodyPr/>
                    <a:lstStyle/>
                    <a:p>
                      <a:r>
                        <a:rPr lang="en-GB" sz="1600" b="1" cap="none" spc="0" dirty="0">
                          <a:solidFill>
                            <a:schemeClr val="tx1"/>
                          </a:solidFill>
                          <a:effectLst/>
                        </a:rPr>
                        <a:t>Generic available</a:t>
                      </a:r>
                      <a:endParaRPr lang="en-SG" sz="1600" b="1"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FF0000"/>
                          </a:solidFill>
                          <a:effectLst/>
                        </a:rPr>
                        <a:t>YES</a:t>
                      </a:r>
                      <a:endParaRPr lang="en-SG" sz="1600" b="1" cap="none" spc="0" dirty="0">
                        <a:solidFill>
                          <a:srgbClr val="FF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a:solidFill>
                            <a:schemeClr val="tx1"/>
                          </a:solidFill>
                          <a:effectLst/>
                        </a:rPr>
                        <a:t>NO</a:t>
                      </a:r>
                      <a:endParaRPr lang="en-SG" sz="1600" cap="none" spc="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b="1" cap="none" spc="0" dirty="0">
                          <a:solidFill>
                            <a:srgbClr val="0070C0"/>
                          </a:solidFill>
                          <a:effectLst/>
                        </a:rPr>
                        <a:t>YES</a:t>
                      </a:r>
                      <a:endParaRPr lang="en-SG" sz="1600" b="1" cap="none" spc="0" dirty="0">
                        <a:solidFill>
                          <a:srgbClr val="0070C0"/>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YES</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YES</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tc>
                  <a:txBody>
                    <a:bodyPr/>
                    <a:lstStyle/>
                    <a:p>
                      <a:pPr algn="just"/>
                      <a:r>
                        <a:rPr lang="en-GB" sz="1600" cap="none" spc="0" dirty="0">
                          <a:solidFill>
                            <a:schemeClr val="tx1"/>
                          </a:solidFill>
                          <a:effectLst/>
                        </a:rPr>
                        <a:t>NO</a:t>
                      </a:r>
                      <a:endParaRPr lang="en-SG" sz="1600" cap="none" spc="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52830" marR="52830" marT="49308" marB="49308">
                    <a:lnL w="12700" cmpd="sng">
                      <a:noFill/>
                      <a:prstDash val="solid"/>
                    </a:lnL>
                    <a:lnR w="12700" cmpd="sng">
                      <a:noFill/>
                      <a:prstDash val="solid"/>
                    </a:lnR>
                    <a:lnT w="12700" cap="flat" cmpd="sng" algn="ctr">
                      <a:noFill/>
                      <a:prstDash val="solid"/>
                    </a:lnT>
                    <a:lnB w="12700" cmpd="sng">
                      <a:noFill/>
                      <a:prstDash val="solid"/>
                    </a:lnB>
                    <a:solidFill>
                      <a:schemeClr val="bg1">
                        <a:lumMod val="95000"/>
                      </a:schemeClr>
                    </a:solidFill>
                  </a:tcPr>
                </a:tc>
                <a:extLst>
                  <a:ext uri="{0D108BD9-81ED-4DB2-BD59-A6C34878D82A}">
                    <a16:rowId xmlns:a16="http://schemas.microsoft.com/office/drawing/2014/main" val="3994018863"/>
                  </a:ext>
                </a:extLst>
              </a:tr>
            </a:tbl>
          </a:graphicData>
        </a:graphic>
      </p:graphicFrame>
    </p:spTree>
    <p:extLst>
      <p:ext uri="{BB962C8B-B14F-4D97-AF65-F5344CB8AC3E}">
        <p14:creationId xmlns:p14="http://schemas.microsoft.com/office/powerpoint/2010/main" val="31933046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1B1E75-5DF1-4388-B8A1-8A44E201127E}"/>
              </a:ext>
            </a:extLst>
          </p:cNvPr>
          <p:cNvSpPr>
            <a:spLocks noGrp="1"/>
          </p:cNvSpPr>
          <p:nvPr>
            <p:ph type="title"/>
          </p:nvPr>
        </p:nvSpPr>
        <p:spPr>
          <a:xfrm>
            <a:off x="628650" y="365126"/>
            <a:ext cx="7886700" cy="894179"/>
          </a:xfrm>
        </p:spPr>
        <p:txBody>
          <a:bodyPr/>
          <a:lstStyle/>
          <a:p>
            <a:r>
              <a:rPr lang="en-SG" dirty="0"/>
              <a:t>The right dose of Rosuvastatin</a:t>
            </a:r>
          </a:p>
        </p:txBody>
      </p:sp>
      <p:pic>
        <p:nvPicPr>
          <p:cNvPr id="2052" name="Picture 4" descr="Crestor Full Prescribing Information, Dosage &amp; Side Effects | MIMS  Philippines">
            <a:extLst>
              <a:ext uri="{FF2B5EF4-FFF2-40B4-BE49-F238E27FC236}">
                <a16:creationId xmlns:a16="http://schemas.microsoft.com/office/drawing/2014/main" id="{2547473D-E080-4C33-9DF5-CBE24B508D04}"/>
              </a:ext>
            </a:extLst>
          </p:cNvPr>
          <p:cNvPicPr>
            <a:picLocks noGrp="1" noChangeAspect="1" noChangeArrowheads="1"/>
          </p:cNvPicPr>
          <p:nvPr>
            <p:ph sz="half" idx="1"/>
          </p:nvPr>
        </p:nvPicPr>
        <p:blipFill>
          <a:blip r:embed="rId3">
            <a:extLst>
              <a:ext uri="{28A0092B-C50C-407E-A947-70E740481C1C}">
                <a14:useLocalDpi xmlns:a14="http://schemas.microsoft.com/office/drawing/2010/main" val="0"/>
              </a:ext>
            </a:extLst>
          </a:blip>
          <a:stretch>
            <a:fillRect/>
          </a:stretch>
        </p:blipFill>
        <p:spPr bwMode="auto">
          <a:xfrm>
            <a:off x="628650" y="1926458"/>
            <a:ext cx="3886200" cy="4149671"/>
          </a:xfrm>
          <a:prstGeom prst="rect">
            <a:avLst/>
          </a:prstGeom>
          <a:noFill/>
          <a:extLst>
            <a:ext uri="{909E8E84-426E-40DD-AFC4-6F175D3DCCD1}">
              <a14:hiddenFill xmlns:a14="http://schemas.microsoft.com/office/drawing/2010/main">
                <a:solidFill>
                  <a:srgbClr val="FFFFFF"/>
                </a:solidFill>
              </a14:hiddenFill>
            </a:ext>
          </a:extLst>
        </p:spPr>
      </p:pic>
      <p:sp>
        <p:nvSpPr>
          <p:cNvPr id="5" name="Content Placeholder 4">
            <a:extLst>
              <a:ext uri="{FF2B5EF4-FFF2-40B4-BE49-F238E27FC236}">
                <a16:creationId xmlns:a16="http://schemas.microsoft.com/office/drawing/2014/main" id="{7297C596-8617-4DA7-AF7F-74A1371B7F4A}"/>
              </a:ext>
            </a:extLst>
          </p:cNvPr>
          <p:cNvSpPr>
            <a:spLocks noGrp="1"/>
          </p:cNvSpPr>
          <p:nvPr>
            <p:ph sz="half" idx="2"/>
          </p:nvPr>
        </p:nvSpPr>
        <p:spPr>
          <a:xfrm>
            <a:off x="4403559" y="1724791"/>
            <a:ext cx="4363452" cy="4351338"/>
          </a:xfrm>
        </p:spPr>
        <p:txBody>
          <a:bodyPr>
            <a:noAutofit/>
          </a:bodyPr>
          <a:lstStyle/>
          <a:p>
            <a:r>
              <a:rPr lang="en-SG" sz="1400" dirty="0"/>
              <a:t>Target cholesterol levels can be achieved with a dose of 10mg </a:t>
            </a:r>
          </a:p>
          <a:p>
            <a:r>
              <a:rPr lang="en-SG" sz="1400" dirty="0"/>
              <a:t>Increasing to 20mg results in a modest 5% additional decrease in LDL-C. </a:t>
            </a:r>
          </a:p>
          <a:p>
            <a:r>
              <a:rPr lang="en-SG" sz="1400" dirty="0"/>
              <a:t>10mg rosuvastatin has been shown to have potent </a:t>
            </a:r>
            <a:r>
              <a:rPr lang="en-SG" sz="1400" dirty="0" err="1"/>
              <a:t>pleitropic</a:t>
            </a:r>
            <a:r>
              <a:rPr lang="en-SG" sz="1400" dirty="0"/>
              <a:t> effects in a variety of studies</a:t>
            </a:r>
          </a:p>
          <a:p>
            <a:r>
              <a:rPr lang="en-SG" sz="1400" dirty="0"/>
              <a:t>JUPITER trial used 20mg BUT little Asian representation (3.6%). </a:t>
            </a:r>
          </a:p>
          <a:p>
            <a:r>
              <a:rPr lang="en-SG" sz="1400" dirty="0"/>
              <a:t>&gt;20mg dose was contraindicated in Asian patients. </a:t>
            </a:r>
          </a:p>
          <a:p>
            <a:pPr lvl="1"/>
            <a:r>
              <a:rPr lang="en-GB" sz="1400" dirty="0">
                <a:effectLst/>
                <a:latin typeface="Calibri" panose="020F0502020204030204" pitchFamily="34" charset="0"/>
                <a:ea typeface="Calibri" panose="020F0502020204030204" pitchFamily="34" charset="0"/>
                <a:cs typeface="Calibri" panose="020F0502020204030204" pitchFamily="34" charset="0"/>
              </a:rPr>
              <a:t>Asian patients have a ~2-fold increase in exposure vs. Caucasian populations because  of genetic variation in the activity of </a:t>
            </a:r>
            <a:r>
              <a:rPr lang="en-GB" sz="14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ATP1B1 and </a:t>
            </a:r>
            <a:r>
              <a:rPr lang="en-GB" sz="1400" dirty="0">
                <a:solidFill>
                  <a:srgbClr val="131413"/>
                </a:solidFill>
                <a:effectLst/>
                <a:latin typeface="Calibri" panose="020F0502020204030204" pitchFamily="34" charset="0"/>
                <a:ea typeface="Calibri" panose="020F0502020204030204" pitchFamily="34" charset="0"/>
                <a:cs typeface="Calibri" panose="020F0502020204030204" pitchFamily="34" charset="0"/>
              </a:rPr>
              <a:t>Breast cancer resistance protein (BCRP)</a:t>
            </a:r>
          </a:p>
          <a:p>
            <a:pPr lvl="1"/>
            <a:r>
              <a:rPr lang="en-GB" sz="1400" dirty="0">
                <a:solidFill>
                  <a:srgbClr val="131413"/>
                </a:solidFill>
                <a:latin typeface="Calibri" panose="020F0502020204030204" pitchFamily="34" charset="0"/>
                <a:ea typeface="Calibri" panose="020F0502020204030204" pitchFamily="34" charset="0"/>
                <a:cs typeface="Calibri" panose="020F0502020204030204" pitchFamily="34" charset="0"/>
              </a:rPr>
              <a:t>OATP1B1/ BRCP = </a:t>
            </a:r>
            <a:r>
              <a:rPr lang="en-GB" sz="1400" dirty="0">
                <a:solidFill>
                  <a:srgbClr val="131413"/>
                </a:solidFill>
                <a:effectLst/>
                <a:latin typeface="Calibri" panose="020F0502020204030204" pitchFamily="34" charset="0"/>
                <a:ea typeface="Calibri" panose="020F0502020204030204" pitchFamily="34" charset="0"/>
                <a:cs typeface="Calibri" panose="020F0502020204030204" pitchFamily="34" charset="0"/>
              </a:rPr>
              <a:t>uptake/ efflux transporters which determine the rate of intestinal absorption and excretion of the rosuvastatin. </a:t>
            </a:r>
            <a:endParaRPr lang="en-SG" sz="1400" dirty="0"/>
          </a:p>
          <a:p>
            <a:r>
              <a:rPr lang="en-SG" sz="1400" dirty="0"/>
              <a:t>Starting dose of Rosuvastatin Asian patients = 5mg</a:t>
            </a:r>
          </a:p>
        </p:txBody>
      </p:sp>
      <p:sp>
        <p:nvSpPr>
          <p:cNvPr id="9" name="Rectangle 8">
            <a:extLst>
              <a:ext uri="{FF2B5EF4-FFF2-40B4-BE49-F238E27FC236}">
                <a16:creationId xmlns:a16="http://schemas.microsoft.com/office/drawing/2014/main" id="{998AB9AA-809A-4667-BE15-74DA307D2958}"/>
              </a:ext>
            </a:extLst>
          </p:cNvPr>
          <p:cNvSpPr/>
          <p:nvPr/>
        </p:nvSpPr>
        <p:spPr>
          <a:xfrm>
            <a:off x="1187117" y="3018713"/>
            <a:ext cx="2213809" cy="1168275"/>
          </a:xfrm>
          <a:prstGeom prst="rect">
            <a:avLst/>
          </a:prstGeom>
          <a:noFill/>
          <a:ln w="635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Tree>
    <p:extLst>
      <p:ext uri="{BB962C8B-B14F-4D97-AF65-F5344CB8AC3E}">
        <p14:creationId xmlns:p14="http://schemas.microsoft.com/office/powerpoint/2010/main" val="26711364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A1A232C-BEC9-4C76-952B-9741EB320277}"/>
              </a:ext>
            </a:extLst>
          </p:cNvPr>
          <p:cNvSpPr>
            <a:spLocks noGrp="1"/>
          </p:cNvSpPr>
          <p:nvPr>
            <p:ph type="title"/>
          </p:nvPr>
        </p:nvSpPr>
        <p:spPr>
          <a:xfrm>
            <a:off x="344906" y="-59989"/>
            <a:ext cx="8735928" cy="821990"/>
          </a:xfrm>
        </p:spPr>
        <p:txBody>
          <a:bodyPr/>
          <a:lstStyle/>
          <a:p>
            <a:r>
              <a:rPr lang="en-SG" dirty="0"/>
              <a:t>What duration of treatment</a:t>
            </a:r>
          </a:p>
        </p:txBody>
      </p:sp>
      <p:graphicFrame>
        <p:nvGraphicFramePr>
          <p:cNvPr id="9" name="Diagram 8">
            <a:extLst>
              <a:ext uri="{FF2B5EF4-FFF2-40B4-BE49-F238E27FC236}">
                <a16:creationId xmlns:a16="http://schemas.microsoft.com/office/drawing/2014/main" id="{D8CBA62C-BBA6-4E5E-835C-8305218BF483}"/>
              </a:ext>
            </a:extLst>
          </p:cNvPr>
          <p:cNvGraphicFramePr/>
          <p:nvPr>
            <p:extLst>
              <p:ext uri="{D42A27DB-BD31-4B8C-83A1-F6EECF244321}">
                <p14:modId xmlns:p14="http://schemas.microsoft.com/office/powerpoint/2010/main" val="2377480297"/>
              </p:ext>
            </p:extLst>
          </p:nvPr>
        </p:nvGraphicFramePr>
        <p:xfrm>
          <a:off x="1090865" y="1846178"/>
          <a:ext cx="7226968" cy="4064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1" name="Rectangle 10">
            <a:extLst>
              <a:ext uri="{FF2B5EF4-FFF2-40B4-BE49-F238E27FC236}">
                <a16:creationId xmlns:a16="http://schemas.microsoft.com/office/drawing/2014/main" id="{0B4619AB-0A6E-488F-8030-65374107F545}"/>
              </a:ext>
            </a:extLst>
          </p:cNvPr>
          <p:cNvSpPr/>
          <p:nvPr/>
        </p:nvSpPr>
        <p:spPr>
          <a:xfrm>
            <a:off x="842211" y="1283368"/>
            <a:ext cx="2414336" cy="2145632"/>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Tree>
    <p:extLst>
      <p:ext uri="{BB962C8B-B14F-4D97-AF65-F5344CB8AC3E}">
        <p14:creationId xmlns:p14="http://schemas.microsoft.com/office/powerpoint/2010/main" val="17697038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899858-28F2-49CF-89F7-3B0764D1A182}"/>
              </a:ext>
            </a:extLst>
          </p:cNvPr>
          <p:cNvSpPr>
            <a:spLocks noGrp="1"/>
          </p:cNvSpPr>
          <p:nvPr>
            <p:ph type="title"/>
          </p:nvPr>
        </p:nvSpPr>
        <p:spPr/>
        <p:txBody>
          <a:bodyPr/>
          <a:lstStyle/>
          <a:p>
            <a:r>
              <a:rPr lang="en-SG" dirty="0"/>
              <a:t>Placebo controlled, double blind RCT</a:t>
            </a:r>
          </a:p>
        </p:txBody>
      </p:sp>
      <p:sp>
        <p:nvSpPr>
          <p:cNvPr id="5" name="Content Placeholder 4">
            <a:extLst>
              <a:ext uri="{FF2B5EF4-FFF2-40B4-BE49-F238E27FC236}">
                <a16:creationId xmlns:a16="http://schemas.microsoft.com/office/drawing/2014/main" id="{EDB5AA2D-C7B7-42F6-89EA-8BDBDBDFFAE4}"/>
              </a:ext>
            </a:extLst>
          </p:cNvPr>
          <p:cNvSpPr>
            <a:spLocks noGrp="1"/>
          </p:cNvSpPr>
          <p:nvPr>
            <p:ph idx="1"/>
          </p:nvPr>
        </p:nvSpPr>
        <p:spPr/>
        <p:txBody>
          <a:bodyPr>
            <a:normAutofit fontScale="62500" lnSpcReduction="20000"/>
          </a:bodyPr>
          <a:lstStyle/>
          <a:p>
            <a:pPr marL="0" indent="0">
              <a:buNone/>
            </a:pPr>
            <a:r>
              <a:rPr lang="en-SG" dirty="0"/>
              <a:t>Manufacturing Placebo: Contacted 21 manufacturers</a:t>
            </a:r>
          </a:p>
          <a:p>
            <a:r>
              <a:rPr lang="en-SG" dirty="0"/>
              <a:t>Large commercial Drug Co: “excess 5mg placebo tablets” -&gt; never materialised</a:t>
            </a:r>
          </a:p>
          <a:p>
            <a:r>
              <a:rPr lang="en-SG" dirty="0"/>
              <a:t>Large generic Drug manufacturer: Yes -&gt; SILENT NO</a:t>
            </a:r>
          </a:p>
          <a:p>
            <a:r>
              <a:rPr lang="en-SG" dirty="0"/>
              <a:t>Most generic manufacturers did not reply, some did not have GMP</a:t>
            </a:r>
          </a:p>
          <a:p>
            <a:r>
              <a:rPr lang="en-SG" dirty="0"/>
              <a:t>SGD: 40K to 250K for placebo</a:t>
            </a:r>
          </a:p>
          <a:p>
            <a:r>
              <a:rPr lang="en-SG" dirty="0"/>
              <a:t>Unable to pay overseas entities from SG nearly impossible. </a:t>
            </a:r>
          </a:p>
          <a:p>
            <a:r>
              <a:rPr lang="en-SG" dirty="0"/>
              <a:t>Identified an SG manufacturer</a:t>
            </a:r>
          </a:p>
          <a:p>
            <a:r>
              <a:rPr lang="en-SG" dirty="0"/>
              <a:t>Approval from AstraZeneca to manufacture tooling to make matched placebo tablets</a:t>
            </a:r>
          </a:p>
          <a:p>
            <a:r>
              <a:rPr lang="en-SG" dirty="0"/>
              <a:t>Manufacture </a:t>
            </a:r>
            <a:r>
              <a:rPr lang="en-SG"/>
              <a:t>tooling took 6 months </a:t>
            </a:r>
            <a:endParaRPr lang="en-SG" dirty="0"/>
          </a:p>
          <a:p>
            <a:r>
              <a:rPr lang="en-SG" dirty="0" err="1"/>
              <a:t>Approx</a:t>
            </a:r>
            <a:r>
              <a:rPr lang="en-SG" dirty="0"/>
              <a:t> 2-4 months to manufacture placebo, 2- 4 months to repackage placebo and drug</a:t>
            </a:r>
          </a:p>
          <a:p>
            <a:r>
              <a:rPr lang="en-SG" dirty="0"/>
              <a:t>Regulatory approval (4 countries) of product will only come AFTER placebo has been manufactured</a:t>
            </a:r>
          </a:p>
          <a:p>
            <a:endParaRPr lang="en-SG" dirty="0"/>
          </a:p>
        </p:txBody>
      </p:sp>
    </p:spTree>
    <p:extLst>
      <p:ext uri="{BB962C8B-B14F-4D97-AF65-F5344CB8AC3E}">
        <p14:creationId xmlns:p14="http://schemas.microsoft.com/office/powerpoint/2010/main" val="4671735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5">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5F348C-4AB1-4F30-B3B2-A4B28653F304}"/>
              </a:ext>
            </a:extLst>
          </p:cNvPr>
          <p:cNvSpPr>
            <a:spLocks noGrp="1"/>
          </p:cNvSpPr>
          <p:nvPr>
            <p:ph type="title"/>
          </p:nvPr>
        </p:nvSpPr>
        <p:spPr/>
        <p:txBody>
          <a:bodyPr/>
          <a:lstStyle/>
          <a:p>
            <a:r>
              <a:rPr lang="en-SG" strike="sngStrike" dirty="0"/>
              <a:t>Placebo Controlled</a:t>
            </a:r>
            <a:r>
              <a:rPr lang="en-SG" dirty="0"/>
              <a:t> </a:t>
            </a:r>
            <a:r>
              <a:rPr lang="en-SG" i="1" dirty="0">
                <a:solidFill>
                  <a:srgbClr val="FF0000"/>
                </a:solidFill>
              </a:rPr>
              <a:t>Open Label </a:t>
            </a:r>
            <a:r>
              <a:rPr lang="en-SG" strike="sngStrike" dirty="0"/>
              <a:t>Double Blind </a:t>
            </a:r>
            <a:r>
              <a:rPr lang="en-SG" dirty="0"/>
              <a:t>RCT </a:t>
            </a:r>
          </a:p>
        </p:txBody>
      </p:sp>
      <p:sp>
        <p:nvSpPr>
          <p:cNvPr id="3" name="Content Placeholder 2">
            <a:extLst>
              <a:ext uri="{FF2B5EF4-FFF2-40B4-BE49-F238E27FC236}">
                <a16:creationId xmlns:a16="http://schemas.microsoft.com/office/drawing/2014/main" id="{9FC9D3DD-BC52-42EB-A9F1-9389CDAABB95}"/>
              </a:ext>
            </a:extLst>
          </p:cNvPr>
          <p:cNvSpPr>
            <a:spLocks noGrp="1"/>
          </p:cNvSpPr>
          <p:nvPr>
            <p:ph idx="1"/>
          </p:nvPr>
        </p:nvSpPr>
        <p:spPr/>
        <p:txBody>
          <a:bodyPr>
            <a:normAutofit fontScale="77500" lnSpcReduction="20000"/>
          </a:bodyPr>
          <a:lstStyle/>
          <a:p>
            <a:pPr marL="0" indent="0">
              <a:buNone/>
            </a:pPr>
            <a:r>
              <a:rPr lang="en-SG" b="1" dirty="0"/>
              <a:t>1:1 Randomisation</a:t>
            </a:r>
          </a:p>
          <a:p>
            <a:pPr marL="0" indent="0">
              <a:buNone/>
            </a:pPr>
            <a:r>
              <a:rPr lang="en-SG" dirty="0"/>
              <a:t>Standard TB Therapy (8 weeks RHZE + 16 weeks RH)</a:t>
            </a:r>
          </a:p>
          <a:p>
            <a:pPr marL="0" indent="0">
              <a:buNone/>
            </a:pPr>
            <a:r>
              <a:rPr lang="en-SG" dirty="0"/>
              <a:t>OR</a:t>
            </a:r>
            <a:br>
              <a:rPr lang="en-SG" dirty="0"/>
            </a:br>
            <a:r>
              <a:rPr lang="en-SG" dirty="0"/>
              <a:t>8 weeks of 10mg Rosuvastatin + Standard TB Therapy</a:t>
            </a:r>
          </a:p>
          <a:p>
            <a:pPr marL="0" indent="0">
              <a:buNone/>
            </a:pPr>
            <a:endParaRPr lang="en-SG" dirty="0"/>
          </a:p>
          <a:p>
            <a:pPr marL="0" indent="0">
              <a:buNone/>
            </a:pPr>
            <a:r>
              <a:rPr lang="en-SG" b="1" dirty="0"/>
              <a:t>Trial Duration</a:t>
            </a:r>
          </a:p>
          <a:p>
            <a:pPr marL="0" indent="0">
              <a:buNone/>
            </a:pPr>
            <a:r>
              <a:rPr lang="en-SG" dirty="0"/>
              <a:t>24 weeks</a:t>
            </a:r>
          </a:p>
          <a:p>
            <a:pPr marL="0" indent="0">
              <a:buNone/>
            </a:pPr>
            <a:endParaRPr lang="en-SG" dirty="0"/>
          </a:p>
          <a:p>
            <a:pPr marL="0" indent="0">
              <a:buNone/>
            </a:pPr>
            <a:r>
              <a:rPr lang="en-SG" b="1" dirty="0"/>
              <a:t>Microbiological Primary Outcome</a:t>
            </a:r>
          </a:p>
          <a:p>
            <a:r>
              <a:rPr lang="en-SG" dirty="0"/>
              <a:t>Time to Sputum culture conversion in MGIT media within 8 weeks</a:t>
            </a:r>
          </a:p>
          <a:p>
            <a:pPr marL="0" indent="0">
              <a:buNone/>
            </a:pPr>
            <a:r>
              <a:rPr lang="en-SG" b="1" dirty="0"/>
              <a:t>Safety Outcome</a:t>
            </a:r>
          </a:p>
          <a:p>
            <a:r>
              <a:rPr lang="en-SG" dirty="0"/>
              <a:t>One or more Grade 3 or Grade 4 adverse events by week 24</a:t>
            </a:r>
          </a:p>
        </p:txBody>
      </p:sp>
      <p:pic>
        <p:nvPicPr>
          <p:cNvPr id="4" name="Picture 3">
            <a:extLst>
              <a:ext uri="{FF2B5EF4-FFF2-40B4-BE49-F238E27FC236}">
                <a16:creationId xmlns:a16="http://schemas.microsoft.com/office/drawing/2014/main" id="{234C59A5-9971-4DA0-840E-B82521B393DD}"/>
              </a:ext>
            </a:extLst>
          </p:cNvPr>
          <p:cNvPicPr>
            <a:picLocks noChangeAspect="1"/>
          </p:cNvPicPr>
          <p:nvPr/>
        </p:nvPicPr>
        <p:blipFill>
          <a:blip r:embed="rId2"/>
          <a:stretch>
            <a:fillRect/>
          </a:stretch>
        </p:blipFill>
        <p:spPr>
          <a:xfrm>
            <a:off x="7181636" y="53581"/>
            <a:ext cx="1962364" cy="378623"/>
          </a:xfrm>
          <a:prstGeom prst="rect">
            <a:avLst/>
          </a:prstGeom>
        </p:spPr>
      </p:pic>
    </p:spTree>
    <p:extLst>
      <p:ext uri="{BB962C8B-B14F-4D97-AF65-F5344CB8AC3E}">
        <p14:creationId xmlns:p14="http://schemas.microsoft.com/office/powerpoint/2010/main" val="263935989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19BCDD9-F908-4158-8B7E-7186C5D0DD70}"/>
              </a:ext>
            </a:extLst>
          </p:cNvPr>
          <p:cNvSpPr>
            <a:spLocks noGrp="1"/>
          </p:cNvSpPr>
          <p:nvPr>
            <p:ph type="title"/>
          </p:nvPr>
        </p:nvSpPr>
        <p:spPr>
          <a:xfrm>
            <a:off x="628650" y="1131095"/>
            <a:ext cx="7886700" cy="768216"/>
          </a:xfrm>
        </p:spPr>
        <p:txBody>
          <a:bodyPr>
            <a:normAutofit fontScale="90000"/>
          </a:bodyPr>
          <a:lstStyle/>
          <a:p>
            <a:r>
              <a:rPr lang="en-SG" dirty="0"/>
              <a:t>154 Patients recruited across 5 sites</a:t>
            </a:r>
          </a:p>
        </p:txBody>
      </p:sp>
      <p:sp>
        <p:nvSpPr>
          <p:cNvPr id="5" name="Content Placeholder 4">
            <a:extLst>
              <a:ext uri="{FF2B5EF4-FFF2-40B4-BE49-F238E27FC236}">
                <a16:creationId xmlns:a16="http://schemas.microsoft.com/office/drawing/2014/main" id="{E909A20D-30DB-4801-9D59-149DC504163B}"/>
              </a:ext>
            </a:extLst>
          </p:cNvPr>
          <p:cNvSpPr>
            <a:spLocks noGrp="1"/>
          </p:cNvSpPr>
          <p:nvPr>
            <p:ph sz="half" idx="1"/>
          </p:nvPr>
        </p:nvSpPr>
        <p:spPr>
          <a:xfrm>
            <a:off x="628650" y="2031717"/>
            <a:ext cx="3886200" cy="4351338"/>
          </a:xfrm>
        </p:spPr>
        <p:txBody>
          <a:bodyPr>
            <a:normAutofit fontScale="77500" lnSpcReduction="20000"/>
          </a:bodyPr>
          <a:lstStyle/>
          <a:p>
            <a:pPr marL="0" indent="0">
              <a:buNone/>
            </a:pPr>
            <a:r>
              <a:rPr lang="en-SG" dirty="0"/>
              <a:t>Inclusion</a:t>
            </a:r>
          </a:p>
          <a:p>
            <a:r>
              <a:rPr lang="en-US" dirty="0"/>
              <a:t>Smear pos OR Xpert pos PTB</a:t>
            </a:r>
          </a:p>
          <a:p>
            <a:r>
              <a:rPr lang="en-US" dirty="0"/>
              <a:t>CXR must be abnormal</a:t>
            </a:r>
          </a:p>
          <a:p>
            <a:r>
              <a:rPr lang="en-US" dirty="0"/>
              <a:t>RHZE treatment only </a:t>
            </a:r>
          </a:p>
          <a:p>
            <a:endParaRPr lang="en-SG" dirty="0"/>
          </a:p>
          <a:p>
            <a:pPr lvl="1"/>
            <a:endParaRPr lang="en-SG" dirty="0"/>
          </a:p>
          <a:p>
            <a:pPr marL="0" indent="0">
              <a:buNone/>
            </a:pPr>
            <a:endParaRPr lang="en-SG" dirty="0"/>
          </a:p>
        </p:txBody>
      </p:sp>
      <p:sp>
        <p:nvSpPr>
          <p:cNvPr id="6" name="Content Placeholder 5">
            <a:extLst>
              <a:ext uri="{FF2B5EF4-FFF2-40B4-BE49-F238E27FC236}">
                <a16:creationId xmlns:a16="http://schemas.microsoft.com/office/drawing/2014/main" id="{42C640C3-5551-4D5E-A953-33D10F7BB01C}"/>
              </a:ext>
            </a:extLst>
          </p:cNvPr>
          <p:cNvSpPr>
            <a:spLocks noGrp="1"/>
          </p:cNvSpPr>
          <p:nvPr>
            <p:ph sz="half" idx="2"/>
          </p:nvPr>
        </p:nvSpPr>
        <p:spPr>
          <a:xfrm>
            <a:off x="4963886" y="2031717"/>
            <a:ext cx="3886200" cy="3263504"/>
          </a:xfrm>
        </p:spPr>
        <p:txBody>
          <a:bodyPr>
            <a:normAutofit fontScale="77500" lnSpcReduction="20000"/>
          </a:bodyPr>
          <a:lstStyle/>
          <a:p>
            <a:pPr marL="0" indent="0">
              <a:buNone/>
            </a:pPr>
            <a:r>
              <a:rPr lang="en-SG" dirty="0"/>
              <a:t>Exclusion</a:t>
            </a:r>
          </a:p>
          <a:p>
            <a:r>
              <a:rPr lang="en-SG" dirty="0"/>
              <a:t>&gt;7 days treatment already</a:t>
            </a:r>
          </a:p>
          <a:p>
            <a:r>
              <a:rPr lang="en-SG" dirty="0"/>
              <a:t>Known drug resistance</a:t>
            </a:r>
          </a:p>
          <a:p>
            <a:r>
              <a:rPr lang="en-SG" dirty="0"/>
              <a:t>Can’t take rosuvastatin</a:t>
            </a:r>
          </a:p>
          <a:p>
            <a:r>
              <a:rPr lang="en-SG" dirty="0"/>
              <a:t>Inadequately controlled HIV</a:t>
            </a:r>
          </a:p>
          <a:p>
            <a:r>
              <a:rPr lang="en-SG" dirty="0"/>
              <a:t>Current/recent use of statin</a:t>
            </a:r>
          </a:p>
          <a:p>
            <a:r>
              <a:rPr lang="en-SG" dirty="0"/>
              <a:t>Needs a statin because of CVS disease</a:t>
            </a:r>
          </a:p>
          <a:p>
            <a:r>
              <a:rPr lang="en-SG" dirty="0"/>
              <a:t>Pregnancy/Breastfeeding</a:t>
            </a:r>
          </a:p>
          <a:p>
            <a:endParaRPr lang="en-SG" dirty="0"/>
          </a:p>
        </p:txBody>
      </p:sp>
      <p:sp>
        <p:nvSpPr>
          <p:cNvPr id="2" name="TextBox 1">
            <a:extLst>
              <a:ext uri="{FF2B5EF4-FFF2-40B4-BE49-F238E27FC236}">
                <a16:creationId xmlns:a16="http://schemas.microsoft.com/office/drawing/2014/main" id="{3C523DD5-DB94-4D63-AD95-0E1040F3D3FB}"/>
              </a:ext>
            </a:extLst>
          </p:cNvPr>
          <p:cNvSpPr txBox="1"/>
          <p:nvPr/>
        </p:nvSpPr>
        <p:spPr>
          <a:xfrm>
            <a:off x="293913" y="4551041"/>
            <a:ext cx="4117665" cy="1754326"/>
          </a:xfrm>
          <a:prstGeom prst="rect">
            <a:avLst/>
          </a:prstGeom>
          <a:noFill/>
          <a:ln>
            <a:solidFill>
              <a:schemeClr val="tx1"/>
            </a:solidFill>
          </a:ln>
        </p:spPr>
        <p:txBody>
          <a:bodyPr wrap="square" rtlCol="0">
            <a:spAutoFit/>
          </a:bodyPr>
          <a:lstStyle/>
          <a:p>
            <a:r>
              <a:rPr lang="en-SG" sz="1350" b="1" dirty="0"/>
              <a:t>Sample size calculation </a:t>
            </a:r>
          </a:p>
          <a:p>
            <a:r>
              <a:rPr lang="en-SG" sz="1350" dirty="0"/>
              <a:t>Treatment effect: 1.8 (hazard ratio) </a:t>
            </a:r>
          </a:p>
          <a:p>
            <a:r>
              <a:rPr lang="en-SG" sz="1350" dirty="0"/>
              <a:t>Two-sided </a:t>
            </a:r>
            <a:r>
              <a:rPr lang="en-SG" sz="1350" dirty="0">
                <a:sym typeface="Symbol" panose="05050102010706020507" pitchFamily="18" charset="2"/>
              </a:rPr>
              <a:t></a:t>
            </a:r>
            <a:r>
              <a:rPr lang="en-SG" sz="1350" dirty="0"/>
              <a:t> of 0.05</a:t>
            </a:r>
          </a:p>
          <a:p>
            <a:r>
              <a:rPr lang="en-SG" sz="1350" dirty="0"/>
              <a:t>Power of 80%</a:t>
            </a:r>
          </a:p>
          <a:p>
            <a:r>
              <a:rPr lang="en-SG" sz="1350" dirty="0"/>
              <a:t>Required sample size = 65 per arm</a:t>
            </a:r>
          </a:p>
          <a:p>
            <a:r>
              <a:rPr lang="en-SG" sz="1350" dirty="0"/>
              <a:t>5% ineligible (never take Ros, Rif resistant) </a:t>
            </a:r>
          </a:p>
          <a:p>
            <a:r>
              <a:rPr lang="en-SG" sz="1350" dirty="0"/>
              <a:t>10% withdraw/lost-to-follow-up prior to week 8</a:t>
            </a:r>
          </a:p>
          <a:p>
            <a:r>
              <a:rPr lang="en-SG" sz="1350" dirty="0"/>
              <a:t>Total sample size =  154 (77 per arm). </a:t>
            </a:r>
          </a:p>
        </p:txBody>
      </p:sp>
      <p:pic>
        <p:nvPicPr>
          <p:cNvPr id="7" name="Picture 6">
            <a:extLst>
              <a:ext uri="{FF2B5EF4-FFF2-40B4-BE49-F238E27FC236}">
                <a16:creationId xmlns:a16="http://schemas.microsoft.com/office/drawing/2014/main" id="{9E2A213F-F5D8-4D1B-B3D9-93EBADEA88DD}"/>
              </a:ext>
            </a:extLst>
          </p:cNvPr>
          <p:cNvPicPr>
            <a:picLocks noChangeAspect="1"/>
          </p:cNvPicPr>
          <p:nvPr/>
        </p:nvPicPr>
        <p:blipFill>
          <a:blip r:embed="rId2"/>
          <a:stretch>
            <a:fillRect/>
          </a:stretch>
        </p:blipFill>
        <p:spPr>
          <a:xfrm>
            <a:off x="6337966" y="101217"/>
            <a:ext cx="2806034" cy="566603"/>
          </a:xfrm>
          <a:prstGeom prst="rect">
            <a:avLst/>
          </a:prstGeom>
        </p:spPr>
      </p:pic>
    </p:spTree>
    <p:extLst>
      <p:ext uri="{BB962C8B-B14F-4D97-AF65-F5344CB8AC3E}">
        <p14:creationId xmlns:p14="http://schemas.microsoft.com/office/powerpoint/2010/main" val="39783499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AED505E-9FCE-A942-B8D8-9E5729E9E186}"/>
              </a:ext>
            </a:extLst>
          </p:cNvPr>
          <p:cNvPicPr>
            <a:picLocks noChangeAspect="1"/>
          </p:cNvPicPr>
          <p:nvPr/>
        </p:nvPicPr>
        <p:blipFill rotWithShape="1">
          <a:blip r:embed="rId3"/>
          <a:srcRect l="37167" t="31741" b="14558"/>
          <a:stretch/>
        </p:blipFill>
        <p:spPr>
          <a:xfrm>
            <a:off x="-641684" y="918160"/>
            <a:ext cx="10748210" cy="4739016"/>
          </a:xfrm>
          <a:prstGeom prst="rect">
            <a:avLst/>
          </a:prstGeom>
        </p:spPr>
      </p:pic>
      <p:grpSp>
        <p:nvGrpSpPr>
          <p:cNvPr id="223" name="Group 222"/>
          <p:cNvGrpSpPr/>
          <p:nvPr/>
        </p:nvGrpSpPr>
        <p:grpSpPr>
          <a:xfrm>
            <a:off x="5947616" y="2646947"/>
            <a:ext cx="245837" cy="411416"/>
            <a:chOff x="1800640" y="3265277"/>
            <a:chExt cx="510344" cy="917532"/>
          </a:xfrm>
        </p:grpSpPr>
        <p:sp>
          <p:nvSpPr>
            <p:cNvPr id="224" name="Oval 223"/>
            <p:cNvSpPr/>
            <p:nvPr/>
          </p:nvSpPr>
          <p:spPr>
            <a:xfrm>
              <a:off x="1867199" y="3330032"/>
              <a:ext cx="376873" cy="376873"/>
            </a:xfrm>
            <a:prstGeom prst="ellipse">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25" name="Freeform 224"/>
            <p:cNvSpPr>
              <a:spLocks noEditPoints="1"/>
            </p:cNvSpPr>
            <p:nvPr/>
          </p:nvSpPr>
          <p:spPr bwMode="auto">
            <a:xfrm>
              <a:off x="1800640" y="3265277"/>
              <a:ext cx="510344" cy="917532"/>
            </a:xfrm>
            <a:custGeom>
              <a:avLst/>
              <a:gdLst/>
              <a:ahLst/>
              <a:cxnLst>
                <a:cxn ang="0">
                  <a:pos x="246" y="76"/>
                </a:cxn>
                <a:cxn ang="0">
                  <a:pos x="179" y="101"/>
                </a:cxn>
                <a:cxn ang="0">
                  <a:pos x="124" y="146"/>
                </a:cxn>
                <a:cxn ang="0">
                  <a:pos x="88" y="207"/>
                </a:cxn>
                <a:cxn ang="0">
                  <a:pos x="74" y="280"/>
                </a:cxn>
                <a:cxn ang="0">
                  <a:pos x="85" y="353"/>
                </a:cxn>
                <a:cxn ang="0">
                  <a:pos x="120" y="415"/>
                </a:cxn>
                <a:cxn ang="0">
                  <a:pos x="174" y="461"/>
                </a:cxn>
                <a:cxn ang="0">
                  <a:pos x="241" y="488"/>
                </a:cxn>
                <a:cxn ang="0">
                  <a:pos x="316" y="488"/>
                </a:cxn>
                <a:cxn ang="0">
                  <a:pos x="385" y="464"/>
                </a:cxn>
                <a:cxn ang="0">
                  <a:pos x="439" y="418"/>
                </a:cxn>
                <a:cxn ang="0">
                  <a:pos x="476" y="358"/>
                </a:cxn>
                <a:cxn ang="0">
                  <a:pos x="490" y="285"/>
                </a:cxn>
                <a:cxn ang="0">
                  <a:pos x="477" y="212"/>
                </a:cxn>
                <a:cxn ang="0">
                  <a:pos x="442" y="150"/>
                </a:cxn>
                <a:cxn ang="0">
                  <a:pos x="388" y="103"/>
                </a:cxn>
                <a:cxn ang="0">
                  <a:pos x="321" y="76"/>
                </a:cxn>
                <a:cxn ang="0">
                  <a:pos x="284" y="0"/>
                </a:cxn>
                <a:cxn ang="0">
                  <a:pos x="365" y="13"/>
                </a:cxn>
                <a:cxn ang="0">
                  <a:pos x="438" y="46"/>
                </a:cxn>
                <a:cxn ang="0">
                  <a:pos x="497" y="99"/>
                </a:cxn>
                <a:cxn ang="0">
                  <a:pos x="538" y="166"/>
                </a:cxn>
                <a:cxn ang="0">
                  <a:pos x="561" y="243"/>
                </a:cxn>
                <a:cxn ang="0">
                  <a:pos x="560" y="315"/>
                </a:cxn>
                <a:cxn ang="0">
                  <a:pos x="542" y="380"/>
                </a:cxn>
                <a:cxn ang="0">
                  <a:pos x="506" y="444"/>
                </a:cxn>
                <a:cxn ang="0">
                  <a:pos x="463" y="513"/>
                </a:cxn>
                <a:cxn ang="0">
                  <a:pos x="416" y="598"/>
                </a:cxn>
                <a:cxn ang="0">
                  <a:pos x="367" y="695"/>
                </a:cxn>
                <a:cxn ang="0">
                  <a:pos x="323" y="809"/>
                </a:cxn>
                <a:cxn ang="0">
                  <a:pos x="288" y="941"/>
                </a:cxn>
                <a:cxn ang="0">
                  <a:pos x="274" y="1010"/>
                </a:cxn>
                <a:cxn ang="0">
                  <a:pos x="269" y="979"/>
                </a:cxn>
                <a:cxn ang="0">
                  <a:pos x="260" y="921"/>
                </a:cxn>
                <a:cxn ang="0">
                  <a:pos x="241" y="844"/>
                </a:cxn>
                <a:cxn ang="0">
                  <a:pos x="211" y="750"/>
                </a:cxn>
                <a:cxn ang="0">
                  <a:pos x="169" y="647"/>
                </a:cxn>
                <a:cxn ang="0">
                  <a:pos x="111" y="539"/>
                </a:cxn>
                <a:cxn ang="0">
                  <a:pos x="66" y="464"/>
                </a:cxn>
                <a:cxn ang="0">
                  <a:pos x="31" y="398"/>
                </a:cxn>
                <a:cxn ang="0">
                  <a:pos x="9" y="343"/>
                </a:cxn>
                <a:cxn ang="0">
                  <a:pos x="0" y="279"/>
                </a:cxn>
                <a:cxn ang="0">
                  <a:pos x="12" y="203"/>
                </a:cxn>
                <a:cxn ang="0">
                  <a:pos x="44" y="131"/>
                </a:cxn>
                <a:cxn ang="0">
                  <a:pos x="96" y="70"/>
                </a:cxn>
                <a:cxn ang="0">
                  <a:pos x="163" y="25"/>
                </a:cxn>
                <a:cxn ang="0">
                  <a:pos x="241" y="2"/>
                </a:cxn>
              </a:cxnLst>
              <a:rect l="0" t="0" r="r" b="b"/>
              <a:pathLst>
                <a:path w="564" h="1014">
                  <a:moveTo>
                    <a:pt x="284" y="73"/>
                  </a:moveTo>
                  <a:lnTo>
                    <a:pt x="246" y="76"/>
                  </a:lnTo>
                  <a:lnTo>
                    <a:pt x="211" y="86"/>
                  </a:lnTo>
                  <a:lnTo>
                    <a:pt x="179" y="101"/>
                  </a:lnTo>
                  <a:lnTo>
                    <a:pt x="149" y="121"/>
                  </a:lnTo>
                  <a:lnTo>
                    <a:pt x="124" y="146"/>
                  </a:lnTo>
                  <a:lnTo>
                    <a:pt x="103" y="175"/>
                  </a:lnTo>
                  <a:lnTo>
                    <a:pt x="88" y="207"/>
                  </a:lnTo>
                  <a:lnTo>
                    <a:pt x="77" y="242"/>
                  </a:lnTo>
                  <a:lnTo>
                    <a:pt x="74" y="280"/>
                  </a:lnTo>
                  <a:lnTo>
                    <a:pt x="76" y="318"/>
                  </a:lnTo>
                  <a:lnTo>
                    <a:pt x="85" y="353"/>
                  </a:lnTo>
                  <a:lnTo>
                    <a:pt x="100" y="386"/>
                  </a:lnTo>
                  <a:lnTo>
                    <a:pt x="120" y="415"/>
                  </a:lnTo>
                  <a:lnTo>
                    <a:pt x="146" y="440"/>
                  </a:lnTo>
                  <a:lnTo>
                    <a:pt x="174" y="461"/>
                  </a:lnTo>
                  <a:lnTo>
                    <a:pt x="207" y="478"/>
                  </a:lnTo>
                  <a:lnTo>
                    <a:pt x="241" y="488"/>
                  </a:lnTo>
                  <a:lnTo>
                    <a:pt x="279" y="491"/>
                  </a:lnTo>
                  <a:lnTo>
                    <a:pt x="316" y="488"/>
                  </a:lnTo>
                  <a:lnTo>
                    <a:pt x="352" y="479"/>
                  </a:lnTo>
                  <a:lnTo>
                    <a:pt x="385" y="464"/>
                  </a:lnTo>
                  <a:lnTo>
                    <a:pt x="413" y="444"/>
                  </a:lnTo>
                  <a:lnTo>
                    <a:pt x="439" y="418"/>
                  </a:lnTo>
                  <a:lnTo>
                    <a:pt x="460" y="389"/>
                  </a:lnTo>
                  <a:lnTo>
                    <a:pt x="476" y="358"/>
                  </a:lnTo>
                  <a:lnTo>
                    <a:pt x="486" y="322"/>
                  </a:lnTo>
                  <a:lnTo>
                    <a:pt x="490" y="285"/>
                  </a:lnTo>
                  <a:lnTo>
                    <a:pt x="486" y="247"/>
                  </a:lnTo>
                  <a:lnTo>
                    <a:pt x="477" y="212"/>
                  </a:lnTo>
                  <a:lnTo>
                    <a:pt x="462" y="178"/>
                  </a:lnTo>
                  <a:lnTo>
                    <a:pt x="442" y="150"/>
                  </a:lnTo>
                  <a:lnTo>
                    <a:pt x="417" y="124"/>
                  </a:lnTo>
                  <a:lnTo>
                    <a:pt x="388" y="103"/>
                  </a:lnTo>
                  <a:lnTo>
                    <a:pt x="357" y="87"/>
                  </a:lnTo>
                  <a:lnTo>
                    <a:pt x="321" y="76"/>
                  </a:lnTo>
                  <a:lnTo>
                    <a:pt x="284" y="73"/>
                  </a:lnTo>
                  <a:close/>
                  <a:moveTo>
                    <a:pt x="284" y="0"/>
                  </a:moveTo>
                  <a:lnTo>
                    <a:pt x="326" y="3"/>
                  </a:lnTo>
                  <a:lnTo>
                    <a:pt x="365" y="13"/>
                  </a:lnTo>
                  <a:lnTo>
                    <a:pt x="403" y="27"/>
                  </a:lnTo>
                  <a:lnTo>
                    <a:pt x="438" y="46"/>
                  </a:lnTo>
                  <a:lnTo>
                    <a:pt x="469" y="71"/>
                  </a:lnTo>
                  <a:lnTo>
                    <a:pt x="497" y="99"/>
                  </a:lnTo>
                  <a:lnTo>
                    <a:pt x="520" y="131"/>
                  </a:lnTo>
                  <a:lnTo>
                    <a:pt x="538" y="166"/>
                  </a:lnTo>
                  <a:lnTo>
                    <a:pt x="552" y="203"/>
                  </a:lnTo>
                  <a:lnTo>
                    <a:pt x="561" y="243"/>
                  </a:lnTo>
                  <a:lnTo>
                    <a:pt x="564" y="285"/>
                  </a:lnTo>
                  <a:lnTo>
                    <a:pt x="560" y="315"/>
                  </a:lnTo>
                  <a:lnTo>
                    <a:pt x="553" y="347"/>
                  </a:lnTo>
                  <a:lnTo>
                    <a:pt x="542" y="380"/>
                  </a:lnTo>
                  <a:lnTo>
                    <a:pt x="524" y="414"/>
                  </a:lnTo>
                  <a:lnTo>
                    <a:pt x="506" y="444"/>
                  </a:lnTo>
                  <a:lnTo>
                    <a:pt x="486" y="476"/>
                  </a:lnTo>
                  <a:lnTo>
                    <a:pt x="463" y="513"/>
                  </a:lnTo>
                  <a:lnTo>
                    <a:pt x="440" y="554"/>
                  </a:lnTo>
                  <a:lnTo>
                    <a:pt x="416" y="598"/>
                  </a:lnTo>
                  <a:lnTo>
                    <a:pt x="392" y="644"/>
                  </a:lnTo>
                  <a:lnTo>
                    <a:pt x="367" y="695"/>
                  </a:lnTo>
                  <a:lnTo>
                    <a:pt x="344" y="750"/>
                  </a:lnTo>
                  <a:lnTo>
                    <a:pt x="323" y="809"/>
                  </a:lnTo>
                  <a:lnTo>
                    <a:pt x="304" y="873"/>
                  </a:lnTo>
                  <a:lnTo>
                    <a:pt x="288" y="941"/>
                  </a:lnTo>
                  <a:lnTo>
                    <a:pt x="274" y="1014"/>
                  </a:lnTo>
                  <a:lnTo>
                    <a:pt x="274" y="1010"/>
                  </a:lnTo>
                  <a:lnTo>
                    <a:pt x="273" y="998"/>
                  </a:lnTo>
                  <a:lnTo>
                    <a:pt x="269" y="979"/>
                  </a:lnTo>
                  <a:lnTo>
                    <a:pt x="266" y="953"/>
                  </a:lnTo>
                  <a:lnTo>
                    <a:pt x="260" y="921"/>
                  </a:lnTo>
                  <a:lnTo>
                    <a:pt x="252" y="884"/>
                  </a:lnTo>
                  <a:lnTo>
                    <a:pt x="241" y="844"/>
                  </a:lnTo>
                  <a:lnTo>
                    <a:pt x="228" y="799"/>
                  </a:lnTo>
                  <a:lnTo>
                    <a:pt x="211" y="750"/>
                  </a:lnTo>
                  <a:lnTo>
                    <a:pt x="192" y="700"/>
                  </a:lnTo>
                  <a:lnTo>
                    <a:pt x="169" y="647"/>
                  </a:lnTo>
                  <a:lnTo>
                    <a:pt x="142" y="593"/>
                  </a:lnTo>
                  <a:lnTo>
                    <a:pt x="111" y="539"/>
                  </a:lnTo>
                  <a:lnTo>
                    <a:pt x="87" y="500"/>
                  </a:lnTo>
                  <a:lnTo>
                    <a:pt x="66" y="464"/>
                  </a:lnTo>
                  <a:lnTo>
                    <a:pt x="47" y="429"/>
                  </a:lnTo>
                  <a:lnTo>
                    <a:pt x="31" y="398"/>
                  </a:lnTo>
                  <a:lnTo>
                    <a:pt x="18" y="370"/>
                  </a:lnTo>
                  <a:lnTo>
                    <a:pt x="9" y="343"/>
                  </a:lnTo>
                  <a:lnTo>
                    <a:pt x="2" y="319"/>
                  </a:lnTo>
                  <a:lnTo>
                    <a:pt x="0" y="279"/>
                  </a:lnTo>
                  <a:lnTo>
                    <a:pt x="3" y="240"/>
                  </a:lnTo>
                  <a:lnTo>
                    <a:pt x="12" y="203"/>
                  </a:lnTo>
                  <a:lnTo>
                    <a:pt x="25" y="166"/>
                  </a:lnTo>
                  <a:lnTo>
                    <a:pt x="44" y="131"/>
                  </a:lnTo>
                  <a:lnTo>
                    <a:pt x="67" y="99"/>
                  </a:lnTo>
                  <a:lnTo>
                    <a:pt x="96" y="70"/>
                  </a:lnTo>
                  <a:lnTo>
                    <a:pt x="128" y="45"/>
                  </a:lnTo>
                  <a:lnTo>
                    <a:pt x="163" y="25"/>
                  </a:lnTo>
                  <a:lnTo>
                    <a:pt x="201" y="12"/>
                  </a:lnTo>
                  <a:lnTo>
                    <a:pt x="241" y="2"/>
                  </a:lnTo>
                  <a:lnTo>
                    <a:pt x="284" y="0"/>
                  </a:lnTo>
                  <a:close/>
                </a:path>
              </a:pathLst>
            </a:custGeom>
            <a:solidFill>
              <a:schemeClr val="tx2"/>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grpSp>
        <p:nvGrpSpPr>
          <p:cNvPr id="220" name="Group 219"/>
          <p:cNvGrpSpPr/>
          <p:nvPr/>
        </p:nvGrpSpPr>
        <p:grpSpPr>
          <a:xfrm>
            <a:off x="6746875" y="2628402"/>
            <a:ext cx="179213" cy="356689"/>
            <a:chOff x="1800640" y="3265277"/>
            <a:chExt cx="510344" cy="917532"/>
          </a:xfrm>
        </p:grpSpPr>
        <p:sp>
          <p:nvSpPr>
            <p:cNvPr id="221" name="Oval 220"/>
            <p:cNvSpPr/>
            <p:nvPr/>
          </p:nvSpPr>
          <p:spPr>
            <a:xfrm>
              <a:off x="1867199" y="3330032"/>
              <a:ext cx="376873" cy="376873"/>
            </a:xfrm>
            <a:prstGeom prst="ellipse">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22" name="Freeform 221"/>
            <p:cNvSpPr>
              <a:spLocks noEditPoints="1"/>
            </p:cNvSpPr>
            <p:nvPr/>
          </p:nvSpPr>
          <p:spPr bwMode="auto">
            <a:xfrm>
              <a:off x="1800640" y="3265277"/>
              <a:ext cx="510344" cy="917532"/>
            </a:xfrm>
            <a:custGeom>
              <a:avLst/>
              <a:gdLst/>
              <a:ahLst/>
              <a:cxnLst>
                <a:cxn ang="0">
                  <a:pos x="246" y="76"/>
                </a:cxn>
                <a:cxn ang="0">
                  <a:pos x="179" y="101"/>
                </a:cxn>
                <a:cxn ang="0">
                  <a:pos x="124" y="146"/>
                </a:cxn>
                <a:cxn ang="0">
                  <a:pos x="88" y="207"/>
                </a:cxn>
                <a:cxn ang="0">
                  <a:pos x="74" y="280"/>
                </a:cxn>
                <a:cxn ang="0">
                  <a:pos x="85" y="353"/>
                </a:cxn>
                <a:cxn ang="0">
                  <a:pos x="120" y="415"/>
                </a:cxn>
                <a:cxn ang="0">
                  <a:pos x="174" y="461"/>
                </a:cxn>
                <a:cxn ang="0">
                  <a:pos x="241" y="488"/>
                </a:cxn>
                <a:cxn ang="0">
                  <a:pos x="316" y="488"/>
                </a:cxn>
                <a:cxn ang="0">
                  <a:pos x="385" y="464"/>
                </a:cxn>
                <a:cxn ang="0">
                  <a:pos x="439" y="418"/>
                </a:cxn>
                <a:cxn ang="0">
                  <a:pos x="476" y="358"/>
                </a:cxn>
                <a:cxn ang="0">
                  <a:pos x="490" y="285"/>
                </a:cxn>
                <a:cxn ang="0">
                  <a:pos x="477" y="212"/>
                </a:cxn>
                <a:cxn ang="0">
                  <a:pos x="442" y="150"/>
                </a:cxn>
                <a:cxn ang="0">
                  <a:pos x="388" y="103"/>
                </a:cxn>
                <a:cxn ang="0">
                  <a:pos x="321" y="76"/>
                </a:cxn>
                <a:cxn ang="0">
                  <a:pos x="284" y="0"/>
                </a:cxn>
                <a:cxn ang="0">
                  <a:pos x="365" y="13"/>
                </a:cxn>
                <a:cxn ang="0">
                  <a:pos x="438" y="46"/>
                </a:cxn>
                <a:cxn ang="0">
                  <a:pos x="497" y="99"/>
                </a:cxn>
                <a:cxn ang="0">
                  <a:pos x="538" y="166"/>
                </a:cxn>
                <a:cxn ang="0">
                  <a:pos x="561" y="243"/>
                </a:cxn>
                <a:cxn ang="0">
                  <a:pos x="560" y="315"/>
                </a:cxn>
                <a:cxn ang="0">
                  <a:pos x="542" y="380"/>
                </a:cxn>
                <a:cxn ang="0">
                  <a:pos x="506" y="444"/>
                </a:cxn>
                <a:cxn ang="0">
                  <a:pos x="463" y="513"/>
                </a:cxn>
                <a:cxn ang="0">
                  <a:pos x="416" y="598"/>
                </a:cxn>
                <a:cxn ang="0">
                  <a:pos x="367" y="695"/>
                </a:cxn>
                <a:cxn ang="0">
                  <a:pos x="323" y="809"/>
                </a:cxn>
                <a:cxn ang="0">
                  <a:pos x="288" y="941"/>
                </a:cxn>
                <a:cxn ang="0">
                  <a:pos x="274" y="1010"/>
                </a:cxn>
                <a:cxn ang="0">
                  <a:pos x="269" y="979"/>
                </a:cxn>
                <a:cxn ang="0">
                  <a:pos x="260" y="921"/>
                </a:cxn>
                <a:cxn ang="0">
                  <a:pos x="241" y="844"/>
                </a:cxn>
                <a:cxn ang="0">
                  <a:pos x="211" y="750"/>
                </a:cxn>
                <a:cxn ang="0">
                  <a:pos x="169" y="647"/>
                </a:cxn>
                <a:cxn ang="0">
                  <a:pos x="111" y="539"/>
                </a:cxn>
                <a:cxn ang="0">
                  <a:pos x="66" y="464"/>
                </a:cxn>
                <a:cxn ang="0">
                  <a:pos x="31" y="398"/>
                </a:cxn>
                <a:cxn ang="0">
                  <a:pos x="9" y="343"/>
                </a:cxn>
                <a:cxn ang="0">
                  <a:pos x="0" y="279"/>
                </a:cxn>
                <a:cxn ang="0">
                  <a:pos x="12" y="203"/>
                </a:cxn>
                <a:cxn ang="0">
                  <a:pos x="44" y="131"/>
                </a:cxn>
                <a:cxn ang="0">
                  <a:pos x="96" y="70"/>
                </a:cxn>
                <a:cxn ang="0">
                  <a:pos x="163" y="25"/>
                </a:cxn>
                <a:cxn ang="0">
                  <a:pos x="241" y="2"/>
                </a:cxn>
              </a:cxnLst>
              <a:rect l="0" t="0" r="r" b="b"/>
              <a:pathLst>
                <a:path w="564" h="1014">
                  <a:moveTo>
                    <a:pt x="284" y="73"/>
                  </a:moveTo>
                  <a:lnTo>
                    <a:pt x="246" y="76"/>
                  </a:lnTo>
                  <a:lnTo>
                    <a:pt x="211" y="86"/>
                  </a:lnTo>
                  <a:lnTo>
                    <a:pt x="179" y="101"/>
                  </a:lnTo>
                  <a:lnTo>
                    <a:pt x="149" y="121"/>
                  </a:lnTo>
                  <a:lnTo>
                    <a:pt x="124" y="146"/>
                  </a:lnTo>
                  <a:lnTo>
                    <a:pt x="103" y="175"/>
                  </a:lnTo>
                  <a:lnTo>
                    <a:pt x="88" y="207"/>
                  </a:lnTo>
                  <a:lnTo>
                    <a:pt x="77" y="242"/>
                  </a:lnTo>
                  <a:lnTo>
                    <a:pt x="74" y="280"/>
                  </a:lnTo>
                  <a:lnTo>
                    <a:pt x="76" y="318"/>
                  </a:lnTo>
                  <a:lnTo>
                    <a:pt x="85" y="353"/>
                  </a:lnTo>
                  <a:lnTo>
                    <a:pt x="100" y="386"/>
                  </a:lnTo>
                  <a:lnTo>
                    <a:pt x="120" y="415"/>
                  </a:lnTo>
                  <a:lnTo>
                    <a:pt x="146" y="440"/>
                  </a:lnTo>
                  <a:lnTo>
                    <a:pt x="174" y="461"/>
                  </a:lnTo>
                  <a:lnTo>
                    <a:pt x="207" y="478"/>
                  </a:lnTo>
                  <a:lnTo>
                    <a:pt x="241" y="488"/>
                  </a:lnTo>
                  <a:lnTo>
                    <a:pt x="279" y="491"/>
                  </a:lnTo>
                  <a:lnTo>
                    <a:pt x="316" y="488"/>
                  </a:lnTo>
                  <a:lnTo>
                    <a:pt x="352" y="479"/>
                  </a:lnTo>
                  <a:lnTo>
                    <a:pt x="385" y="464"/>
                  </a:lnTo>
                  <a:lnTo>
                    <a:pt x="413" y="444"/>
                  </a:lnTo>
                  <a:lnTo>
                    <a:pt x="439" y="418"/>
                  </a:lnTo>
                  <a:lnTo>
                    <a:pt x="460" y="389"/>
                  </a:lnTo>
                  <a:lnTo>
                    <a:pt x="476" y="358"/>
                  </a:lnTo>
                  <a:lnTo>
                    <a:pt x="486" y="322"/>
                  </a:lnTo>
                  <a:lnTo>
                    <a:pt x="490" y="285"/>
                  </a:lnTo>
                  <a:lnTo>
                    <a:pt x="486" y="247"/>
                  </a:lnTo>
                  <a:lnTo>
                    <a:pt x="477" y="212"/>
                  </a:lnTo>
                  <a:lnTo>
                    <a:pt x="462" y="178"/>
                  </a:lnTo>
                  <a:lnTo>
                    <a:pt x="442" y="150"/>
                  </a:lnTo>
                  <a:lnTo>
                    <a:pt x="417" y="124"/>
                  </a:lnTo>
                  <a:lnTo>
                    <a:pt x="388" y="103"/>
                  </a:lnTo>
                  <a:lnTo>
                    <a:pt x="357" y="87"/>
                  </a:lnTo>
                  <a:lnTo>
                    <a:pt x="321" y="76"/>
                  </a:lnTo>
                  <a:lnTo>
                    <a:pt x="284" y="73"/>
                  </a:lnTo>
                  <a:close/>
                  <a:moveTo>
                    <a:pt x="284" y="0"/>
                  </a:moveTo>
                  <a:lnTo>
                    <a:pt x="326" y="3"/>
                  </a:lnTo>
                  <a:lnTo>
                    <a:pt x="365" y="13"/>
                  </a:lnTo>
                  <a:lnTo>
                    <a:pt x="403" y="27"/>
                  </a:lnTo>
                  <a:lnTo>
                    <a:pt x="438" y="46"/>
                  </a:lnTo>
                  <a:lnTo>
                    <a:pt x="469" y="71"/>
                  </a:lnTo>
                  <a:lnTo>
                    <a:pt x="497" y="99"/>
                  </a:lnTo>
                  <a:lnTo>
                    <a:pt x="520" y="131"/>
                  </a:lnTo>
                  <a:lnTo>
                    <a:pt x="538" y="166"/>
                  </a:lnTo>
                  <a:lnTo>
                    <a:pt x="552" y="203"/>
                  </a:lnTo>
                  <a:lnTo>
                    <a:pt x="561" y="243"/>
                  </a:lnTo>
                  <a:lnTo>
                    <a:pt x="564" y="285"/>
                  </a:lnTo>
                  <a:lnTo>
                    <a:pt x="560" y="315"/>
                  </a:lnTo>
                  <a:lnTo>
                    <a:pt x="553" y="347"/>
                  </a:lnTo>
                  <a:lnTo>
                    <a:pt x="542" y="380"/>
                  </a:lnTo>
                  <a:lnTo>
                    <a:pt x="524" y="414"/>
                  </a:lnTo>
                  <a:lnTo>
                    <a:pt x="506" y="444"/>
                  </a:lnTo>
                  <a:lnTo>
                    <a:pt x="486" y="476"/>
                  </a:lnTo>
                  <a:lnTo>
                    <a:pt x="463" y="513"/>
                  </a:lnTo>
                  <a:lnTo>
                    <a:pt x="440" y="554"/>
                  </a:lnTo>
                  <a:lnTo>
                    <a:pt x="416" y="598"/>
                  </a:lnTo>
                  <a:lnTo>
                    <a:pt x="392" y="644"/>
                  </a:lnTo>
                  <a:lnTo>
                    <a:pt x="367" y="695"/>
                  </a:lnTo>
                  <a:lnTo>
                    <a:pt x="344" y="750"/>
                  </a:lnTo>
                  <a:lnTo>
                    <a:pt x="323" y="809"/>
                  </a:lnTo>
                  <a:lnTo>
                    <a:pt x="304" y="873"/>
                  </a:lnTo>
                  <a:lnTo>
                    <a:pt x="288" y="941"/>
                  </a:lnTo>
                  <a:lnTo>
                    <a:pt x="274" y="1014"/>
                  </a:lnTo>
                  <a:lnTo>
                    <a:pt x="274" y="1010"/>
                  </a:lnTo>
                  <a:lnTo>
                    <a:pt x="273" y="998"/>
                  </a:lnTo>
                  <a:lnTo>
                    <a:pt x="269" y="979"/>
                  </a:lnTo>
                  <a:lnTo>
                    <a:pt x="266" y="953"/>
                  </a:lnTo>
                  <a:lnTo>
                    <a:pt x="260" y="921"/>
                  </a:lnTo>
                  <a:lnTo>
                    <a:pt x="252" y="884"/>
                  </a:lnTo>
                  <a:lnTo>
                    <a:pt x="241" y="844"/>
                  </a:lnTo>
                  <a:lnTo>
                    <a:pt x="228" y="799"/>
                  </a:lnTo>
                  <a:lnTo>
                    <a:pt x="211" y="750"/>
                  </a:lnTo>
                  <a:lnTo>
                    <a:pt x="192" y="700"/>
                  </a:lnTo>
                  <a:lnTo>
                    <a:pt x="169" y="647"/>
                  </a:lnTo>
                  <a:lnTo>
                    <a:pt x="142" y="593"/>
                  </a:lnTo>
                  <a:lnTo>
                    <a:pt x="111" y="539"/>
                  </a:lnTo>
                  <a:lnTo>
                    <a:pt x="87" y="500"/>
                  </a:lnTo>
                  <a:lnTo>
                    <a:pt x="66" y="464"/>
                  </a:lnTo>
                  <a:lnTo>
                    <a:pt x="47" y="429"/>
                  </a:lnTo>
                  <a:lnTo>
                    <a:pt x="31" y="398"/>
                  </a:lnTo>
                  <a:lnTo>
                    <a:pt x="18" y="370"/>
                  </a:lnTo>
                  <a:lnTo>
                    <a:pt x="9" y="343"/>
                  </a:lnTo>
                  <a:lnTo>
                    <a:pt x="2" y="319"/>
                  </a:lnTo>
                  <a:lnTo>
                    <a:pt x="0" y="279"/>
                  </a:lnTo>
                  <a:lnTo>
                    <a:pt x="3" y="240"/>
                  </a:lnTo>
                  <a:lnTo>
                    <a:pt x="12" y="203"/>
                  </a:lnTo>
                  <a:lnTo>
                    <a:pt x="25" y="166"/>
                  </a:lnTo>
                  <a:lnTo>
                    <a:pt x="44" y="131"/>
                  </a:lnTo>
                  <a:lnTo>
                    <a:pt x="67" y="99"/>
                  </a:lnTo>
                  <a:lnTo>
                    <a:pt x="96" y="70"/>
                  </a:lnTo>
                  <a:lnTo>
                    <a:pt x="128" y="45"/>
                  </a:lnTo>
                  <a:lnTo>
                    <a:pt x="163" y="25"/>
                  </a:lnTo>
                  <a:lnTo>
                    <a:pt x="201" y="12"/>
                  </a:lnTo>
                  <a:lnTo>
                    <a:pt x="241" y="2"/>
                  </a:lnTo>
                  <a:lnTo>
                    <a:pt x="284" y="0"/>
                  </a:lnTo>
                  <a:close/>
                </a:path>
              </a:pathLst>
            </a:custGeom>
            <a:solidFill>
              <a:schemeClr val="tx2"/>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grpSp>
        <p:nvGrpSpPr>
          <p:cNvPr id="251" name="Group 250">
            <a:extLst>
              <a:ext uri="{FF2B5EF4-FFF2-40B4-BE49-F238E27FC236}">
                <a16:creationId xmlns:a16="http://schemas.microsoft.com/office/drawing/2014/main" id="{781AD660-FE09-3B40-8608-3742EF8BB5F4}"/>
              </a:ext>
            </a:extLst>
          </p:cNvPr>
          <p:cNvGrpSpPr/>
          <p:nvPr/>
        </p:nvGrpSpPr>
        <p:grpSpPr>
          <a:xfrm>
            <a:off x="5906701" y="3429000"/>
            <a:ext cx="175866" cy="322283"/>
            <a:chOff x="1800640" y="3265277"/>
            <a:chExt cx="510344" cy="917532"/>
          </a:xfrm>
        </p:grpSpPr>
        <p:sp>
          <p:nvSpPr>
            <p:cNvPr id="252" name="Oval 251">
              <a:extLst>
                <a:ext uri="{FF2B5EF4-FFF2-40B4-BE49-F238E27FC236}">
                  <a16:creationId xmlns:a16="http://schemas.microsoft.com/office/drawing/2014/main" id="{943857D4-BEEB-8443-8441-5D0D50C1CA84}"/>
                </a:ext>
              </a:extLst>
            </p:cNvPr>
            <p:cNvSpPr/>
            <p:nvPr/>
          </p:nvSpPr>
          <p:spPr>
            <a:xfrm>
              <a:off x="1867199" y="3330032"/>
              <a:ext cx="376873" cy="376873"/>
            </a:xfrm>
            <a:prstGeom prst="ellipse">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53" name="Freeform 252">
              <a:extLst>
                <a:ext uri="{FF2B5EF4-FFF2-40B4-BE49-F238E27FC236}">
                  <a16:creationId xmlns:a16="http://schemas.microsoft.com/office/drawing/2014/main" id="{AE87F1B3-5EA1-174C-94C7-B0BE27B3AA25}"/>
                </a:ext>
              </a:extLst>
            </p:cNvPr>
            <p:cNvSpPr>
              <a:spLocks noEditPoints="1"/>
            </p:cNvSpPr>
            <p:nvPr/>
          </p:nvSpPr>
          <p:spPr bwMode="auto">
            <a:xfrm>
              <a:off x="1800640" y="3265277"/>
              <a:ext cx="510344" cy="917532"/>
            </a:xfrm>
            <a:custGeom>
              <a:avLst/>
              <a:gdLst/>
              <a:ahLst/>
              <a:cxnLst>
                <a:cxn ang="0">
                  <a:pos x="246" y="76"/>
                </a:cxn>
                <a:cxn ang="0">
                  <a:pos x="179" y="101"/>
                </a:cxn>
                <a:cxn ang="0">
                  <a:pos x="124" y="146"/>
                </a:cxn>
                <a:cxn ang="0">
                  <a:pos x="88" y="207"/>
                </a:cxn>
                <a:cxn ang="0">
                  <a:pos x="74" y="280"/>
                </a:cxn>
                <a:cxn ang="0">
                  <a:pos x="85" y="353"/>
                </a:cxn>
                <a:cxn ang="0">
                  <a:pos x="120" y="415"/>
                </a:cxn>
                <a:cxn ang="0">
                  <a:pos x="174" y="461"/>
                </a:cxn>
                <a:cxn ang="0">
                  <a:pos x="241" y="488"/>
                </a:cxn>
                <a:cxn ang="0">
                  <a:pos x="316" y="488"/>
                </a:cxn>
                <a:cxn ang="0">
                  <a:pos x="385" y="464"/>
                </a:cxn>
                <a:cxn ang="0">
                  <a:pos x="439" y="418"/>
                </a:cxn>
                <a:cxn ang="0">
                  <a:pos x="476" y="358"/>
                </a:cxn>
                <a:cxn ang="0">
                  <a:pos x="490" y="285"/>
                </a:cxn>
                <a:cxn ang="0">
                  <a:pos x="477" y="212"/>
                </a:cxn>
                <a:cxn ang="0">
                  <a:pos x="442" y="150"/>
                </a:cxn>
                <a:cxn ang="0">
                  <a:pos x="388" y="103"/>
                </a:cxn>
                <a:cxn ang="0">
                  <a:pos x="321" y="76"/>
                </a:cxn>
                <a:cxn ang="0">
                  <a:pos x="284" y="0"/>
                </a:cxn>
                <a:cxn ang="0">
                  <a:pos x="365" y="13"/>
                </a:cxn>
                <a:cxn ang="0">
                  <a:pos x="438" y="46"/>
                </a:cxn>
                <a:cxn ang="0">
                  <a:pos x="497" y="99"/>
                </a:cxn>
                <a:cxn ang="0">
                  <a:pos x="538" y="166"/>
                </a:cxn>
                <a:cxn ang="0">
                  <a:pos x="561" y="243"/>
                </a:cxn>
                <a:cxn ang="0">
                  <a:pos x="560" y="315"/>
                </a:cxn>
                <a:cxn ang="0">
                  <a:pos x="542" y="380"/>
                </a:cxn>
                <a:cxn ang="0">
                  <a:pos x="506" y="444"/>
                </a:cxn>
                <a:cxn ang="0">
                  <a:pos x="463" y="513"/>
                </a:cxn>
                <a:cxn ang="0">
                  <a:pos x="416" y="598"/>
                </a:cxn>
                <a:cxn ang="0">
                  <a:pos x="367" y="695"/>
                </a:cxn>
                <a:cxn ang="0">
                  <a:pos x="323" y="809"/>
                </a:cxn>
                <a:cxn ang="0">
                  <a:pos x="288" y="941"/>
                </a:cxn>
                <a:cxn ang="0">
                  <a:pos x="274" y="1010"/>
                </a:cxn>
                <a:cxn ang="0">
                  <a:pos x="269" y="979"/>
                </a:cxn>
                <a:cxn ang="0">
                  <a:pos x="260" y="921"/>
                </a:cxn>
                <a:cxn ang="0">
                  <a:pos x="241" y="844"/>
                </a:cxn>
                <a:cxn ang="0">
                  <a:pos x="211" y="750"/>
                </a:cxn>
                <a:cxn ang="0">
                  <a:pos x="169" y="647"/>
                </a:cxn>
                <a:cxn ang="0">
                  <a:pos x="111" y="539"/>
                </a:cxn>
                <a:cxn ang="0">
                  <a:pos x="66" y="464"/>
                </a:cxn>
                <a:cxn ang="0">
                  <a:pos x="31" y="398"/>
                </a:cxn>
                <a:cxn ang="0">
                  <a:pos x="9" y="343"/>
                </a:cxn>
                <a:cxn ang="0">
                  <a:pos x="0" y="279"/>
                </a:cxn>
                <a:cxn ang="0">
                  <a:pos x="12" y="203"/>
                </a:cxn>
                <a:cxn ang="0">
                  <a:pos x="44" y="131"/>
                </a:cxn>
                <a:cxn ang="0">
                  <a:pos x="96" y="70"/>
                </a:cxn>
                <a:cxn ang="0">
                  <a:pos x="163" y="25"/>
                </a:cxn>
                <a:cxn ang="0">
                  <a:pos x="241" y="2"/>
                </a:cxn>
              </a:cxnLst>
              <a:rect l="0" t="0" r="r" b="b"/>
              <a:pathLst>
                <a:path w="564" h="1014">
                  <a:moveTo>
                    <a:pt x="284" y="73"/>
                  </a:moveTo>
                  <a:lnTo>
                    <a:pt x="246" y="76"/>
                  </a:lnTo>
                  <a:lnTo>
                    <a:pt x="211" y="86"/>
                  </a:lnTo>
                  <a:lnTo>
                    <a:pt x="179" y="101"/>
                  </a:lnTo>
                  <a:lnTo>
                    <a:pt x="149" y="121"/>
                  </a:lnTo>
                  <a:lnTo>
                    <a:pt x="124" y="146"/>
                  </a:lnTo>
                  <a:lnTo>
                    <a:pt x="103" y="175"/>
                  </a:lnTo>
                  <a:lnTo>
                    <a:pt x="88" y="207"/>
                  </a:lnTo>
                  <a:lnTo>
                    <a:pt x="77" y="242"/>
                  </a:lnTo>
                  <a:lnTo>
                    <a:pt x="74" y="280"/>
                  </a:lnTo>
                  <a:lnTo>
                    <a:pt x="76" y="318"/>
                  </a:lnTo>
                  <a:lnTo>
                    <a:pt x="85" y="353"/>
                  </a:lnTo>
                  <a:lnTo>
                    <a:pt x="100" y="386"/>
                  </a:lnTo>
                  <a:lnTo>
                    <a:pt x="120" y="415"/>
                  </a:lnTo>
                  <a:lnTo>
                    <a:pt x="146" y="440"/>
                  </a:lnTo>
                  <a:lnTo>
                    <a:pt x="174" y="461"/>
                  </a:lnTo>
                  <a:lnTo>
                    <a:pt x="207" y="478"/>
                  </a:lnTo>
                  <a:lnTo>
                    <a:pt x="241" y="488"/>
                  </a:lnTo>
                  <a:lnTo>
                    <a:pt x="279" y="491"/>
                  </a:lnTo>
                  <a:lnTo>
                    <a:pt x="316" y="488"/>
                  </a:lnTo>
                  <a:lnTo>
                    <a:pt x="352" y="479"/>
                  </a:lnTo>
                  <a:lnTo>
                    <a:pt x="385" y="464"/>
                  </a:lnTo>
                  <a:lnTo>
                    <a:pt x="413" y="444"/>
                  </a:lnTo>
                  <a:lnTo>
                    <a:pt x="439" y="418"/>
                  </a:lnTo>
                  <a:lnTo>
                    <a:pt x="460" y="389"/>
                  </a:lnTo>
                  <a:lnTo>
                    <a:pt x="476" y="358"/>
                  </a:lnTo>
                  <a:lnTo>
                    <a:pt x="486" y="322"/>
                  </a:lnTo>
                  <a:lnTo>
                    <a:pt x="490" y="285"/>
                  </a:lnTo>
                  <a:lnTo>
                    <a:pt x="486" y="247"/>
                  </a:lnTo>
                  <a:lnTo>
                    <a:pt x="477" y="212"/>
                  </a:lnTo>
                  <a:lnTo>
                    <a:pt x="462" y="178"/>
                  </a:lnTo>
                  <a:lnTo>
                    <a:pt x="442" y="150"/>
                  </a:lnTo>
                  <a:lnTo>
                    <a:pt x="417" y="124"/>
                  </a:lnTo>
                  <a:lnTo>
                    <a:pt x="388" y="103"/>
                  </a:lnTo>
                  <a:lnTo>
                    <a:pt x="357" y="87"/>
                  </a:lnTo>
                  <a:lnTo>
                    <a:pt x="321" y="76"/>
                  </a:lnTo>
                  <a:lnTo>
                    <a:pt x="284" y="73"/>
                  </a:lnTo>
                  <a:close/>
                  <a:moveTo>
                    <a:pt x="284" y="0"/>
                  </a:moveTo>
                  <a:lnTo>
                    <a:pt x="326" y="3"/>
                  </a:lnTo>
                  <a:lnTo>
                    <a:pt x="365" y="13"/>
                  </a:lnTo>
                  <a:lnTo>
                    <a:pt x="403" y="27"/>
                  </a:lnTo>
                  <a:lnTo>
                    <a:pt x="438" y="46"/>
                  </a:lnTo>
                  <a:lnTo>
                    <a:pt x="469" y="71"/>
                  </a:lnTo>
                  <a:lnTo>
                    <a:pt x="497" y="99"/>
                  </a:lnTo>
                  <a:lnTo>
                    <a:pt x="520" y="131"/>
                  </a:lnTo>
                  <a:lnTo>
                    <a:pt x="538" y="166"/>
                  </a:lnTo>
                  <a:lnTo>
                    <a:pt x="552" y="203"/>
                  </a:lnTo>
                  <a:lnTo>
                    <a:pt x="561" y="243"/>
                  </a:lnTo>
                  <a:lnTo>
                    <a:pt x="564" y="285"/>
                  </a:lnTo>
                  <a:lnTo>
                    <a:pt x="560" y="315"/>
                  </a:lnTo>
                  <a:lnTo>
                    <a:pt x="553" y="347"/>
                  </a:lnTo>
                  <a:lnTo>
                    <a:pt x="542" y="380"/>
                  </a:lnTo>
                  <a:lnTo>
                    <a:pt x="524" y="414"/>
                  </a:lnTo>
                  <a:lnTo>
                    <a:pt x="506" y="444"/>
                  </a:lnTo>
                  <a:lnTo>
                    <a:pt x="486" y="476"/>
                  </a:lnTo>
                  <a:lnTo>
                    <a:pt x="463" y="513"/>
                  </a:lnTo>
                  <a:lnTo>
                    <a:pt x="440" y="554"/>
                  </a:lnTo>
                  <a:lnTo>
                    <a:pt x="416" y="598"/>
                  </a:lnTo>
                  <a:lnTo>
                    <a:pt x="392" y="644"/>
                  </a:lnTo>
                  <a:lnTo>
                    <a:pt x="367" y="695"/>
                  </a:lnTo>
                  <a:lnTo>
                    <a:pt x="344" y="750"/>
                  </a:lnTo>
                  <a:lnTo>
                    <a:pt x="323" y="809"/>
                  </a:lnTo>
                  <a:lnTo>
                    <a:pt x="304" y="873"/>
                  </a:lnTo>
                  <a:lnTo>
                    <a:pt x="288" y="941"/>
                  </a:lnTo>
                  <a:lnTo>
                    <a:pt x="274" y="1014"/>
                  </a:lnTo>
                  <a:lnTo>
                    <a:pt x="274" y="1010"/>
                  </a:lnTo>
                  <a:lnTo>
                    <a:pt x="273" y="998"/>
                  </a:lnTo>
                  <a:lnTo>
                    <a:pt x="269" y="979"/>
                  </a:lnTo>
                  <a:lnTo>
                    <a:pt x="266" y="953"/>
                  </a:lnTo>
                  <a:lnTo>
                    <a:pt x="260" y="921"/>
                  </a:lnTo>
                  <a:lnTo>
                    <a:pt x="252" y="884"/>
                  </a:lnTo>
                  <a:lnTo>
                    <a:pt x="241" y="844"/>
                  </a:lnTo>
                  <a:lnTo>
                    <a:pt x="228" y="799"/>
                  </a:lnTo>
                  <a:lnTo>
                    <a:pt x="211" y="750"/>
                  </a:lnTo>
                  <a:lnTo>
                    <a:pt x="192" y="700"/>
                  </a:lnTo>
                  <a:lnTo>
                    <a:pt x="169" y="647"/>
                  </a:lnTo>
                  <a:lnTo>
                    <a:pt x="142" y="593"/>
                  </a:lnTo>
                  <a:lnTo>
                    <a:pt x="111" y="539"/>
                  </a:lnTo>
                  <a:lnTo>
                    <a:pt x="87" y="500"/>
                  </a:lnTo>
                  <a:lnTo>
                    <a:pt x="66" y="464"/>
                  </a:lnTo>
                  <a:lnTo>
                    <a:pt x="47" y="429"/>
                  </a:lnTo>
                  <a:lnTo>
                    <a:pt x="31" y="398"/>
                  </a:lnTo>
                  <a:lnTo>
                    <a:pt x="18" y="370"/>
                  </a:lnTo>
                  <a:lnTo>
                    <a:pt x="9" y="343"/>
                  </a:lnTo>
                  <a:lnTo>
                    <a:pt x="2" y="319"/>
                  </a:lnTo>
                  <a:lnTo>
                    <a:pt x="0" y="279"/>
                  </a:lnTo>
                  <a:lnTo>
                    <a:pt x="3" y="240"/>
                  </a:lnTo>
                  <a:lnTo>
                    <a:pt x="12" y="203"/>
                  </a:lnTo>
                  <a:lnTo>
                    <a:pt x="25" y="166"/>
                  </a:lnTo>
                  <a:lnTo>
                    <a:pt x="44" y="131"/>
                  </a:lnTo>
                  <a:lnTo>
                    <a:pt x="67" y="99"/>
                  </a:lnTo>
                  <a:lnTo>
                    <a:pt x="96" y="70"/>
                  </a:lnTo>
                  <a:lnTo>
                    <a:pt x="128" y="45"/>
                  </a:lnTo>
                  <a:lnTo>
                    <a:pt x="163" y="25"/>
                  </a:lnTo>
                  <a:lnTo>
                    <a:pt x="201" y="12"/>
                  </a:lnTo>
                  <a:lnTo>
                    <a:pt x="241" y="2"/>
                  </a:lnTo>
                  <a:lnTo>
                    <a:pt x="284" y="0"/>
                  </a:lnTo>
                  <a:close/>
                </a:path>
              </a:pathLst>
            </a:custGeom>
            <a:solidFill>
              <a:schemeClr val="tx2"/>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sp>
        <p:nvSpPr>
          <p:cNvPr id="8" name="TextBox 7">
            <a:extLst>
              <a:ext uri="{FF2B5EF4-FFF2-40B4-BE49-F238E27FC236}">
                <a16:creationId xmlns:a16="http://schemas.microsoft.com/office/drawing/2014/main" id="{984592DA-37EC-1447-82AF-FFB6DB9A9E1A}"/>
              </a:ext>
            </a:extLst>
          </p:cNvPr>
          <p:cNvSpPr txBox="1"/>
          <p:nvPr/>
        </p:nvSpPr>
        <p:spPr>
          <a:xfrm>
            <a:off x="53893" y="5719046"/>
            <a:ext cx="7110663" cy="1131079"/>
          </a:xfrm>
          <a:prstGeom prst="rect">
            <a:avLst/>
          </a:prstGeom>
          <a:noFill/>
        </p:spPr>
        <p:txBody>
          <a:bodyPr wrap="square" rtlCol="0">
            <a:spAutoFit/>
          </a:bodyPr>
          <a:lstStyle/>
          <a:p>
            <a:pPr marL="257175" indent="-257175">
              <a:buAutoNum type="arabicPeriod"/>
            </a:pPr>
            <a:r>
              <a:rPr lang="en-US" sz="1350" dirty="0"/>
              <a:t>Hanoi, Vietnam, Vietnam Military Medical Hospital – Dr. Dong, Prof Do Quyet</a:t>
            </a:r>
          </a:p>
          <a:p>
            <a:pPr marL="257175" indent="-257175">
              <a:buAutoNum type="arabicPeriod"/>
            </a:pPr>
            <a:r>
              <a:rPr lang="en-US" sz="1350" dirty="0"/>
              <a:t>Philippines, Manila, De La Salle Health Sciences Institute – Dr Vicki Dalay</a:t>
            </a:r>
          </a:p>
          <a:p>
            <a:pPr marL="257175" indent="-257175">
              <a:buAutoNum type="arabicPeriod"/>
            </a:pPr>
            <a:r>
              <a:rPr lang="en-US" sz="1350" dirty="0"/>
              <a:t>Philippines, Manila, Lung Centre Philippines – Dr Vince Balanag</a:t>
            </a:r>
          </a:p>
          <a:p>
            <a:pPr marL="257175" indent="-257175">
              <a:buAutoNum type="arabicPeriod"/>
            </a:pPr>
            <a:r>
              <a:rPr lang="en-US" sz="1350" dirty="0"/>
              <a:t>Philippines, Manila, Tropical Disease Foundation – Dr Rholine Veto</a:t>
            </a:r>
          </a:p>
          <a:p>
            <a:pPr marL="257175" indent="-257175">
              <a:buAutoNum type="arabicPeriod"/>
            </a:pPr>
            <a:r>
              <a:rPr lang="en-US" sz="1350" dirty="0"/>
              <a:t>Kampala, Uganda, Joint Clinical Research Centre – Dr Cissy Kityo</a:t>
            </a:r>
          </a:p>
        </p:txBody>
      </p:sp>
      <p:pic>
        <p:nvPicPr>
          <p:cNvPr id="254" name="Picture 253">
            <a:extLst>
              <a:ext uri="{FF2B5EF4-FFF2-40B4-BE49-F238E27FC236}">
                <a16:creationId xmlns:a16="http://schemas.microsoft.com/office/drawing/2014/main" id="{2D7B0BF2-9CE8-2445-97B0-28B65837EFAE}"/>
              </a:ext>
            </a:extLst>
          </p:cNvPr>
          <p:cNvPicPr>
            <a:picLocks noChangeAspect="1"/>
          </p:cNvPicPr>
          <p:nvPr/>
        </p:nvPicPr>
        <p:blipFill>
          <a:blip r:embed="rId4"/>
          <a:stretch>
            <a:fillRect/>
          </a:stretch>
        </p:blipFill>
        <p:spPr>
          <a:xfrm>
            <a:off x="7613216" y="1052397"/>
            <a:ext cx="1344530" cy="1344530"/>
          </a:xfrm>
          <a:prstGeom prst="rect">
            <a:avLst/>
          </a:prstGeom>
        </p:spPr>
      </p:pic>
      <p:pic>
        <p:nvPicPr>
          <p:cNvPr id="9" name="Picture 8">
            <a:extLst>
              <a:ext uri="{FF2B5EF4-FFF2-40B4-BE49-F238E27FC236}">
                <a16:creationId xmlns:a16="http://schemas.microsoft.com/office/drawing/2014/main" id="{5E71D555-CC46-3744-BAB1-F55F6BFAB633}"/>
              </a:ext>
            </a:extLst>
          </p:cNvPr>
          <p:cNvPicPr>
            <a:picLocks noChangeAspect="1"/>
          </p:cNvPicPr>
          <p:nvPr/>
        </p:nvPicPr>
        <p:blipFill rotWithShape="1">
          <a:blip r:embed="rId5"/>
          <a:srcRect l="3062" r="5018" b="11571"/>
          <a:stretch/>
        </p:blipFill>
        <p:spPr>
          <a:xfrm>
            <a:off x="1679945" y="2763381"/>
            <a:ext cx="887944" cy="1058466"/>
          </a:xfrm>
          <a:prstGeom prst="rect">
            <a:avLst/>
          </a:prstGeom>
        </p:spPr>
      </p:pic>
      <p:pic>
        <p:nvPicPr>
          <p:cNvPr id="10" name="Picture 9">
            <a:extLst>
              <a:ext uri="{FF2B5EF4-FFF2-40B4-BE49-F238E27FC236}">
                <a16:creationId xmlns:a16="http://schemas.microsoft.com/office/drawing/2014/main" id="{0EDECBF3-C10D-4046-B91E-8C3CF0C306BC}"/>
              </a:ext>
            </a:extLst>
          </p:cNvPr>
          <p:cNvPicPr>
            <a:picLocks noChangeAspect="1"/>
          </p:cNvPicPr>
          <p:nvPr/>
        </p:nvPicPr>
        <p:blipFill>
          <a:blip r:embed="rId6"/>
          <a:stretch>
            <a:fillRect/>
          </a:stretch>
        </p:blipFill>
        <p:spPr>
          <a:xfrm>
            <a:off x="7115546" y="3082040"/>
            <a:ext cx="1892463" cy="502082"/>
          </a:xfrm>
          <a:prstGeom prst="rect">
            <a:avLst/>
          </a:prstGeom>
        </p:spPr>
      </p:pic>
      <p:pic>
        <p:nvPicPr>
          <p:cNvPr id="11" name="Picture 10">
            <a:extLst>
              <a:ext uri="{FF2B5EF4-FFF2-40B4-BE49-F238E27FC236}">
                <a16:creationId xmlns:a16="http://schemas.microsoft.com/office/drawing/2014/main" id="{680FAB8D-DB8C-D14A-9C20-8E6926D3F696}"/>
              </a:ext>
            </a:extLst>
          </p:cNvPr>
          <p:cNvPicPr>
            <a:picLocks noChangeAspect="1"/>
          </p:cNvPicPr>
          <p:nvPr/>
        </p:nvPicPr>
        <p:blipFill>
          <a:blip r:embed="rId7"/>
          <a:stretch>
            <a:fillRect/>
          </a:stretch>
        </p:blipFill>
        <p:spPr>
          <a:xfrm>
            <a:off x="4958087" y="3720564"/>
            <a:ext cx="971550" cy="228600"/>
          </a:xfrm>
          <a:prstGeom prst="rect">
            <a:avLst/>
          </a:prstGeom>
        </p:spPr>
      </p:pic>
      <p:pic>
        <p:nvPicPr>
          <p:cNvPr id="12" name="Picture 11">
            <a:extLst>
              <a:ext uri="{FF2B5EF4-FFF2-40B4-BE49-F238E27FC236}">
                <a16:creationId xmlns:a16="http://schemas.microsoft.com/office/drawing/2014/main" id="{C23D720F-9DBB-874D-81BF-193823BEDFB6}"/>
              </a:ext>
            </a:extLst>
          </p:cNvPr>
          <p:cNvPicPr>
            <a:picLocks noChangeAspect="1"/>
          </p:cNvPicPr>
          <p:nvPr/>
        </p:nvPicPr>
        <p:blipFill>
          <a:blip r:embed="rId8"/>
          <a:stretch>
            <a:fillRect/>
          </a:stretch>
        </p:blipFill>
        <p:spPr>
          <a:xfrm>
            <a:off x="4992153" y="1784990"/>
            <a:ext cx="887944" cy="1148539"/>
          </a:xfrm>
          <a:prstGeom prst="rect">
            <a:avLst/>
          </a:prstGeom>
        </p:spPr>
      </p:pic>
      <p:pic>
        <p:nvPicPr>
          <p:cNvPr id="21" name="Picture 20">
            <a:extLst>
              <a:ext uri="{FF2B5EF4-FFF2-40B4-BE49-F238E27FC236}">
                <a16:creationId xmlns:a16="http://schemas.microsoft.com/office/drawing/2014/main" id="{F84B4DFC-3E9F-401F-8ECE-00200F86F48C}"/>
              </a:ext>
            </a:extLst>
          </p:cNvPr>
          <p:cNvPicPr>
            <a:picLocks noChangeAspect="1"/>
          </p:cNvPicPr>
          <p:nvPr/>
        </p:nvPicPr>
        <p:blipFill>
          <a:blip r:embed="rId9"/>
          <a:stretch>
            <a:fillRect/>
          </a:stretch>
        </p:blipFill>
        <p:spPr>
          <a:xfrm>
            <a:off x="5569647" y="0"/>
            <a:ext cx="3574353" cy="689645"/>
          </a:xfrm>
          <a:prstGeom prst="rect">
            <a:avLst/>
          </a:prstGeom>
        </p:spPr>
      </p:pic>
      <p:pic>
        <p:nvPicPr>
          <p:cNvPr id="3" name="Picture 2">
            <a:extLst>
              <a:ext uri="{FF2B5EF4-FFF2-40B4-BE49-F238E27FC236}">
                <a16:creationId xmlns:a16="http://schemas.microsoft.com/office/drawing/2014/main" id="{CAC07F00-5C7F-4091-AA5E-72DD8DEE55E4}"/>
              </a:ext>
            </a:extLst>
          </p:cNvPr>
          <p:cNvPicPr>
            <a:picLocks noChangeAspect="1"/>
          </p:cNvPicPr>
          <p:nvPr/>
        </p:nvPicPr>
        <p:blipFill>
          <a:blip r:embed="rId10"/>
          <a:stretch>
            <a:fillRect/>
          </a:stretch>
        </p:blipFill>
        <p:spPr>
          <a:xfrm>
            <a:off x="7015670" y="2489646"/>
            <a:ext cx="2047675" cy="393784"/>
          </a:xfrm>
          <a:prstGeom prst="rect">
            <a:avLst/>
          </a:prstGeom>
        </p:spPr>
      </p:pic>
      <p:grpSp>
        <p:nvGrpSpPr>
          <p:cNvPr id="24" name="Group 23">
            <a:extLst>
              <a:ext uri="{FF2B5EF4-FFF2-40B4-BE49-F238E27FC236}">
                <a16:creationId xmlns:a16="http://schemas.microsoft.com/office/drawing/2014/main" id="{65936EFB-7194-4219-86DB-006E709F7D81}"/>
              </a:ext>
            </a:extLst>
          </p:cNvPr>
          <p:cNvGrpSpPr/>
          <p:nvPr/>
        </p:nvGrpSpPr>
        <p:grpSpPr>
          <a:xfrm>
            <a:off x="2661623" y="3499564"/>
            <a:ext cx="175866" cy="322283"/>
            <a:chOff x="1800640" y="3265277"/>
            <a:chExt cx="510344" cy="917532"/>
          </a:xfrm>
        </p:grpSpPr>
        <p:sp>
          <p:nvSpPr>
            <p:cNvPr id="25" name="Oval 24">
              <a:extLst>
                <a:ext uri="{FF2B5EF4-FFF2-40B4-BE49-F238E27FC236}">
                  <a16:creationId xmlns:a16="http://schemas.microsoft.com/office/drawing/2014/main" id="{97E92F46-2A45-4D7A-AD04-8658C0C214F0}"/>
                </a:ext>
              </a:extLst>
            </p:cNvPr>
            <p:cNvSpPr/>
            <p:nvPr/>
          </p:nvSpPr>
          <p:spPr>
            <a:xfrm>
              <a:off x="1867199" y="3330032"/>
              <a:ext cx="376873" cy="376873"/>
            </a:xfrm>
            <a:prstGeom prst="ellipse">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p>
          </p:txBody>
        </p:sp>
        <p:sp>
          <p:nvSpPr>
            <p:cNvPr id="26" name="Freeform 252">
              <a:extLst>
                <a:ext uri="{FF2B5EF4-FFF2-40B4-BE49-F238E27FC236}">
                  <a16:creationId xmlns:a16="http://schemas.microsoft.com/office/drawing/2014/main" id="{78FC284D-5995-495E-8E17-2F7C0F71BDD6}"/>
                </a:ext>
              </a:extLst>
            </p:cNvPr>
            <p:cNvSpPr>
              <a:spLocks noEditPoints="1"/>
            </p:cNvSpPr>
            <p:nvPr/>
          </p:nvSpPr>
          <p:spPr bwMode="auto">
            <a:xfrm>
              <a:off x="1800640" y="3265277"/>
              <a:ext cx="510344" cy="917532"/>
            </a:xfrm>
            <a:custGeom>
              <a:avLst/>
              <a:gdLst/>
              <a:ahLst/>
              <a:cxnLst>
                <a:cxn ang="0">
                  <a:pos x="246" y="76"/>
                </a:cxn>
                <a:cxn ang="0">
                  <a:pos x="179" y="101"/>
                </a:cxn>
                <a:cxn ang="0">
                  <a:pos x="124" y="146"/>
                </a:cxn>
                <a:cxn ang="0">
                  <a:pos x="88" y="207"/>
                </a:cxn>
                <a:cxn ang="0">
                  <a:pos x="74" y="280"/>
                </a:cxn>
                <a:cxn ang="0">
                  <a:pos x="85" y="353"/>
                </a:cxn>
                <a:cxn ang="0">
                  <a:pos x="120" y="415"/>
                </a:cxn>
                <a:cxn ang="0">
                  <a:pos x="174" y="461"/>
                </a:cxn>
                <a:cxn ang="0">
                  <a:pos x="241" y="488"/>
                </a:cxn>
                <a:cxn ang="0">
                  <a:pos x="316" y="488"/>
                </a:cxn>
                <a:cxn ang="0">
                  <a:pos x="385" y="464"/>
                </a:cxn>
                <a:cxn ang="0">
                  <a:pos x="439" y="418"/>
                </a:cxn>
                <a:cxn ang="0">
                  <a:pos x="476" y="358"/>
                </a:cxn>
                <a:cxn ang="0">
                  <a:pos x="490" y="285"/>
                </a:cxn>
                <a:cxn ang="0">
                  <a:pos x="477" y="212"/>
                </a:cxn>
                <a:cxn ang="0">
                  <a:pos x="442" y="150"/>
                </a:cxn>
                <a:cxn ang="0">
                  <a:pos x="388" y="103"/>
                </a:cxn>
                <a:cxn ang="0">
                  <a:pos x="321" y="76"/>
                </a:cxn>
                <a:cxn ang="0">
                  <a:pos x="284" y="0"/>
                </a:cxn>
                <a:cxn ang="0">
                  <a:pos x="365" y="13"/>
                </a:cxn>
                <a:cxn ang="0">
                  <a:pos x="438" y="46"/>
                </a:cxn>
                <a:cxn ang="0">
                  <a:pos x="497" y="99"/>
                </a:cxn>
                <a:cxn ang="0">
                  <a:pos x="538" y="166"/>
                </a:cxn>
                <a:cxn ang="0">
                  <a:pos x="561" y="243"/>
                </a:cxn>
                <a:cxn ang="0">
                  <a:pos x="560" y="315"/>
                </a:cxn>
                <a:cxn ang="0">
                  <a:pos x="542" y="380"/>
                </a:cxn>
                <a:cxn ang="0">
                  <a:pos x="506" y="444"/>
                </a:cxn>
                <a:cxn ang="0">
                  <a:pos x="463" y="513"/>
                </a:cxn>
                <a:cxn ang="0">
                  <a:pos x="416" y="598"/>
                </a:cxn>
                <a:cxn ang="0">
                  <a:pos x="367" y="695"/>
                </a:cxn>
                <a:cxn ang="0">
                  <a:pos x="323" y="809"/>
                </a:cxn>
                <a:cxn ang="0">
                  <a:pos x="288" y="941"/>
                </a:cxn>
                <a:cxn ang="0">
                  <a:pos x="274" y="1010"/>
                </a:cxn>
                <a:cxn ang="0">
                  <a:pos x="269" y="979"/>
                </a:cxn>
                <a:cxn ang="0">
                  <a:pos x="260" y="921"/>
                </a:cxn>
                <a:cxn ang="0">
                  <a:pos x="241" y="844"/>
                </a:cxn>
                <a:cxn ang="0">
                  <a:pos x="211" y="750"/>
                </a:cxn>
                <a:cxn ang="0">
                  <a:pos x="169" y="647"/>
                </a:cxn>
                <a:cxn ang="0">
                  <a:pos x="111" y="539"/>
                </a:cxn>
                <a:cxn ang="0">
                  <a:pos x="66" y="464"/>
                </a:cxn>
                <a:cxn ang="0">
                  <a:pos x="31" y="398"/>
                </a:cxn>
                <a:cxn ang="0">
                  <a:pos x="9" y="343"/>
                </a:cxn>
                <a:cxn ang="0">
                  <a:pos x="0" y="279"/>
                </a:cxn>
                <a:cxn ang="0">
                  <a:pos x="12" y="203"/>
                </a:cxn>
                <a:cxn ang="0">
                  <a:pos x="44" y="131"/>
                </a:cxn>
                <a:cxn ang="0">
                  <a:pos x="96" y="70"/>
                </a:cxn>
                <a:cxn ang="0">
                  <a:pos x="163" y="25"/>
                </a:cxn>
                <a:cxn ang="0">
                  <a:pos x="241" y="2"/>
                </a:cxn>
              </a:cxnLst>
              <a:rect l="0" t="0" r="r" b="b"/>
              <a:pathLst>
                <a:path w="564" h="1014">
                  <a:moveTo>
                    <a:pt x="284" y="73"/>
                  </a:moveTo>
                  <a:lnTo>
                    <a:pt x="246" y="76"/>
                  </a:lnTo>
                  <a:lnTo>
                    <a:pt x="211" y="86"/>
                  </a:lnTo>
                  <a:lnTo>
                    <a:pt x="179" y="101"/>
                  </a:lnTo>
                  <a:lnTo>
                    <a:pt x="149" y="121"/>
                  </a:lnTo>
                  <a:lnTo>
                    <a:pt x="124" y="146"/>
                  </a:lnTo>
                  <a:lnTo>
                    <a:pt x="103" y="175"/>
                  </a:lnTo>
                  <a:lnTo>
                    <a:pt x="88" y="207"/>
                  </a:lnTo>
                  <a:lnTo>
                    <a:pt x="77" y="242"/>
                  </a:lnTo>
                  <a:lnTo>
                    <a:pt x="74" y="280"/>
                  </a:lnTo>
                  <a:lnTo>
                    <a:pt x="76" y="318"/>
                  </a:lnTo>
                  <a:lnTo>
                    <a:pt x="85" y="353"/>
                  </a:lnTo>
                  <a:lnTo>
                    <a:pt x="100" y="386"/>
                  </a:lnTo>
                  <a:lnTo>
                    <a:pt x="120" y="415"/>
                  </a:lnTo>
                  <a:lnTo>
                    <a:pt x="146" y="440"/>
                  </a:lnTo>
                  <a:lnTo>
                    <a:pt x="174" y="461"/>
                  </a:lnTo>
                  <a:lnTo>
                    <a:pt x="207" y="478"/>
                  </a:lnTo>
                  <a:lnTo>
                    <a:pt x="241" y="488"/>
                  </a:lnTo>
                  <a:lnTo>
                    <a:pt x="279" y="491"/>
                  </a:lnTo>
                  <a:lnTo>
                    <a:pt x="316" y="488"/>
                  </a:lnTo>
                  <a:lnTo>
                    <a:pt x="352" y="479"/>
                  </a:lnTo>
                  <a:lnTo>
                    <a:pt x="385" y="464"/>
                  </a:lnTo>
                  <a:lnTo>
                    <a:pt x="413" y="444"/>
                  </a:lnTo>
                  <a:lnTo>
                    <a:pt x="439" y="418"/>
                  </a:lnTo>
                  <a:lnTo>
                    <a:pt x="460" y="389"/>
                  </a:lnTo>
                  <a:lnTo>
                    <a:pt x="476" y="358"/>
                  </a:lnTo>
                  <a:lnTo>
                    <a:pt x="486" y="322"/>
                  </a:lnTo>
                  <a:lnTo>
                    <a:pt x="490" y="285"/>
                  </a:lnTo>
                  <a:lnTo>
                    <a:pt x="486" y="247"/>
                  </a:lnTo>
                  <a:lnTo>
                    <a:pt x="477" y="212"/>
                  </a:lnTo>
                  <a:lnTo>
                    <a:pt x="462" y="178"/>
                  </a:lnTo>
                  <a:lnTo>
                    <a:pt x="442" y="150"/>
                  </a:lnTo>
                  <a:lnTo>
                    <a:pt x="417" y="124"/>
                  </a:lnTo>
                  <a:lnTo>
                    <a:pt x="388" y="103"/>
                  </a:lnTo>
                  <a:lnTo>
                    <a:pt x="357" y="87"/>
                  </a:lnTo>
                  <a:lnTo>
                    <a:pt x="321" y="76"/>
                  </a:lnTo>
                  <a:lnTo>
                    <a:pt x="284" y="73"/>
                  </a:lnTo>
                  <a:close/>
                  <a:moveTo>
                    <a:pt x="284" y="0"/>
                  </a:moveTo>
                  <a:lnTo>
                    <a:pt x="326" y="3"/>
                  </a:lnTo>
                  <a:lnTo>
                    <a:pt x="365" y="13"/>
                  </a:lnTo>
                  <a:lnTo>
                    <a:pt x="403" y="27"/>
                  </a:lnTo>
                  <a:lnTo>
                    <a:pt x="438" y="46"/>
                  </a:lnTo>
                  <a:lnTo>
                    <a:pt x="469" y="71"/>
                  </a:lnTo>
                  <a:lnTo>
                    <a:pt x="497" y="99"/>
                  </a:lnTo>
                  <a:lnTo>
                    <a:pt x="520" y="131"/>
                  </a:lnTo>
                  <a:lnTo>
                    <a:pt x="538" y="166"/>
                  </a:lnTo>
                  <a:lnTo>
                    <a:pt x="552" y="203"/>
                  </a:lnTo>
                  <a:lnTo>
                    <a:pt x="561" y="243"/>
                  </a:lnTo>
                  <a:lnTo>
                    <a:pt x="564" y="285"/>
                  </a:lnTo>
                  <a:lnTo>
                    <a:pt x="560" y="315"/>
                  </a:lnTo>
                  <a:lnTo>
                    <a:pt x="553" y="347"/>
                  </a:lnTo>
                  <a:lnTo>
                    <a:pt x="542" y="380"/>
                  </a:lnTo>
                  <a:lnTo>
                    <a:pt x="524" y="414"/>
                  </a:lnTo>
                  <a:lnTo>
                    <a:pt x="506" y="444"/>
                  </a:lnTo>
                  <a:lnTo>
                    <a:pt x="486" y="476"/>
                  </a:lnTo>
                  <a:lnTo>
                    <a:pt x="463" y="513"/>
                  </a:lnTo>
                  <a:lnTo>
                    <a:pt x="440" y="554"/>
                  </a:lnTo>
                  <a:lnTo>
                    <a:pt x="416" y="598"/>
                  </a:lnTo>
                  <a:lnTo>
                    <a:pt x="392" y="644"/>
                  </a:lnTo>
                  <a:lnTo>
                    <a:pt x="367" y="695"/>
                  </a:lnTo>
                  <a:lnTo>
                    <a:pt x="344" y="750"/>
                  </a:lnTo>
                  <a:lnTo>
                    <a:pt x="323" y="809"/>
                  </a:lnTo>
                  <a:lnTo>
                    <a:pt x="304" y="873"/>
                  </a:lnTo>
                  <a:lnTo>
                    <a:pt x="288" y="941"/>
                  </a:lnTo>
                  <a:lnTo>
                    <a:pt x="274" y="1014"/>
                  </a:lnTo>
                  <a:lnTo>
                    <a:pt x="274" y="1010"/>
                  </a:lnTo>
                  <a:lnTo>
                    <a:pt x="273" y="998"/>
                  </a:lnTo>
                  <a:lnTo>
                    <a:pt x="269" y="979"/>
                  </a:lnTo>
                  <a:lnTo>
                    <a:pt x="266" y="953"/>
                  </a:lnTo>
                  <a:lnTo>
                    <a:pt x="260" y="921"/>
                  </a:lnTo>
                  <a:lnTo>
                    <a:pt x="252" y="884"/>
                  </a:lnTo>
                  <a:lnTo>
                    <a:pt x="241" y="844"/>
                  </a:lnTo>
                  <a:lnTo>
                    <a:pt x="228" y="799"/>
                  </a:lnTo>
                  <a:lnTo>
                    <a:pt x="211" y="750"/>
                  </a:lnTo>
                  <a:lnTo>
                    <a:pt x="192" y="700"/>
                  </a:lnTo>
                  <a:lnTo>
                    <a:pt x="169" y="647"/>
                  </a:lnTo>
                  <a:lnTo>
                    <a:pt x="142" y="593"/>
                  </a:lnTo>
                  <a:lnTo>
                    <a:pt x="111" y="539"/>
                  </a:lnTo>
                  <a:lnTo>
                    <a:pt x="87" y="500"/>
                  </a:lnTo>
                  <a:lnTo>
                    <a:pt x="66" y="464"/>
                  </a:lnTo>
                  <a:lnTo>
                    <a:pt x="47" y="429"/>
                  </a:lnTo>
                  <a:lnTo>
                    <a:pt x="31" y="398"/>
                  </a:lnTo>
                  <a:lnTo>
                    <a:pt x="18" y="370"/>
                  </a:lnTo>
                  <a:lnTo>
                    <a:pt x="9" y="343"/>
                  </a:lnTo>
                  <a:lnTo>
                    <a:pt x="2" y="319"/>
                  </a:lnTo>
                  <a:lnTo>
                    <a:pt x="0" y="279"/>
                  </a:lnTo>
                  <a:lnTo>
                    <a:pt x="3" y="240"/>
                  </a:lnTo>
                  <a:lnTo>
                    <a:pt x="12" y="203"/>
                  </a:lnTo>
                  <a:lnTo>
                    <a:pt x="25" y="166"/>
                  </a:lnTo>
                  <a:lnTo>
                    <a:pt x="44" y="131"/>
                  </a:lnTo>
                  <a:lnTo>
                    <a:pt x="67" y="99"/>
                  </a:lnTo>
                  <a:lnTo>
                    <a:pt x="96" y="70"/>
                  </a:lnTo>
                  <a:lnTo>
                    <a:pt x="128" y="45"/>
                  </a:lnTo>
                  <a:lnTo>
                    <a:pt x="163" y="25"/>
                  </a:lnTo>
                  <a:lnTo>
                    <a:pt x="201" y="12"/>
                  </a:lnTo>
                  <a:lnTo>
                    <a:pt x="241" y="2"/>
                  </a:lnTo>
                  <a:lnTo>
                    <a:pt x="284" y="0"/>
                  </a:lnTo>
                  <a:close/>
                </a:path>
              </a:pathLst>
            </a:custGeom>
            <a:solidFill>
              <a:schemeClr val="tx2"/>
            </a:solidFill>
            <a:ln w="0">
              <a:noFill/>
              <a:prstDash val="solid"/>
              <a:round/>
              <a:headEnd/>
              <a:tailEnd/>
            </a:ln>
          </p:spPr>
          <p:txBody>
            <a:bodyPr vert="horz" wrap="square" lIns="68580" tIns="34290" rIns="68580" bIns="34290" numCol="1" anchor="t" anchorCtr="0" compatLnSpc="1">
              <a:prstTxWarp prst="textNoShape">
                <a:avLst/>
              </a:prstTxWarp>
            </a:bodyPr>
            <a:lstStyle/>
            <a:p>
              <a:endParaRPr lang="en-US" sz="1350" dirty="0"/>
            </a:p>
          </p:txBody>
        </p:sp>
      </p:grpSp>
    </p:spTree>
    <p:extLst>
      <p:ext uri="{BB962C8B-B14F-4D97-AF65-F5344CB8AC3E}">
        <p14:creationId xmlns:p14="http://schemas.microsoft.com/office/powerpoint/2010/main" val="176344732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6"/>
          <p:cNvSpPr/>
          <p:nvPr/>
        </p:nvSpPr>
        <p:spPr>
          <a:xfrm>
            <a:off x="3504156" y="1061480"/>
            <a:ext cx="2910085" cy="646331"/>
          </a:xfrm>
          <a:prstGeom prst="rect">
            <a:avLst/>
          </a:prstGeom>
        </p:spPr>
        <p:txBody>
          <a:bodyPr wrap="square">
            <a:spAutoFit/>
          </a:bodyPr>
          <a:lstStyle/>
          <a:p>
            <a:r>
              <a:rPr lang="en-US" sz="3600" b="1" dirty="0">
                <a:solidFill>
                  <a:prstClr val="black">
                    <a:lumMod val="95000"/>
                    <a:lumOff val="5000"/>
                  </a:prstClr>
                </a:solidFill>
                <a:latin typeface="Segoe UI" panose="020B0502040204020203" pitchFamily="34" charset="0"/>
                <a:ea typeface="Segoe UI" panose="020B0502040204020203" pitchFamily="34" charset="0"/>
                <a:cs typeface="Segoe UI" panose="020B0502040204020203" pitchFamily="34" charset="0"/>
              </a:rPr>
              <a:t>Trial Design</a:t>
            </a:r>
          </a:p>
        </p:txBody>
      </p:sp>
      <p:grpSp>
        <p:nvGrpSpPr>
          <p:cNvPr id="12" name="Group 11">
            <a:extLst>
              <a:ext uri="{FF2B5EF4-FFF2-40B4-BE49-F238E27FC236}">
                <a16:creationId xmlns:a16="http://schemas.microsoft.com/office/drawing/2014/main" id="{47640B3C-66A3-2749-940D-A83DE1FE8DB2}"/>
              </a:ext>
            </a:extLst>
          </p:cNvPr>
          <p:cNvGrpSpPr/>
          <p:nvPr/>
        </p:nvGrpSpPr>
        <p:grpSpPr>
          <a:xfrm>
            <a:off x="80611" y="1906373"/>
            <a:ext cx="8737184" cy="2131409"/>
            <a:chOff x="126402" y="1388105"/>
            <a:chExt cx="10109846" cy="1948690"/>
          </a:xfrm>
        </p:grpSpPr>
        <p:sp>
          <p:nvSpPr>
            <p:cNvPr id="4" name="Rectangle 3"/>
            <p:cNvSpPr/>
            <p:nvPr/>
          </p:nvSpPr>
          <p:spPr>
            <a:xfrm>
              <a:off x="1852899" y="2250604"/>
              <a:ext cx="7885769" cy="342900"/>
            </a:xfrm>
            <a:prstGeom prst="rect">
              <a:avLst/>
            </a:prstGeom>
            <a:solidFill>
              <a:srgbClr val="002060"/>
            </a:solidFill>
            <a:ln>
              <a:solidFill>
                <a:schemeClr val="accent5">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SG" sz="1200" dirty="0">
                  <a:solidFill>
                    <a:prstClr val="white"/>
                  </a:solidFill>
                  <a:latin typeface="Segoe UI" panose="020B0502040204020203" pitchFamily="34" charset="0"/>
                  <a:ea typeface="Segoe UI" panose="020B0502040204020203" pitchFamily="34" charset="0"/>
                  <a:cs typeface="Segoe UI" panose="020B0502040204020203" pitchFamily="34" charset="0"/>
                </a:rPr>
                <a:t>Control Regimen (RHZE)</a:t>
              </a:r>
              <a:endParaRPr lang="en-GB" sz="120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sp>
          <p:nvSpPr>
            <p:cNvPr id="5" name="Rectangle 4"/>
            <p:cNvSpPr/>
            <p:nvPr/>
          </p:nvSpPr>
          <p:spPr>
            <a:xfrm>
              <a:off x="2522925" y="2877276"/>
              <a:ext cx="2466510" cy="29233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SG" sz="1200" dirty="0">
                  <a:solidFill>
                    <a:prstClr val="white"/>
                  </a:solidFill>
                  <a:latin typeface="Segoe UI" panose="020B0502040204020203" pitchFamily="34" charset="0"/>
                  <a:ea typeface="Segoe UI" panose="020B0502040204020203" pitchFamily="34" charset="0"/>
                  <a:cs typeface="Segoe UI" panose="020B0502040204020203" pitchFamily="34" charset="0"/>
                </a:rPr>
                <a:t>Rosuvastatin 10mg + RHZE </a:t>
              </a:r>
              <a:endParaRPr lang="en-GB" sz="120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cxnSp>
          <p:nvCxnSpPr>
            <p:cNvPr id="11" name="Straight Connector 10"/>
            <p:cNvCxnSpPr>
              <a:cxnSpLocks/>
            </p:cNvCxnSpPr>
            <p:nvPr/>
          </p:nvCxnSpPr>
          <p:spPr>
            <a:xfrm>
              <a:off x="2490596" y="1782571"/>
              <a:ext cx="32328" cy="1554224"/>
            </a:xfrm>
            <a:prstGeom prst="line">
              <a:avLst/>
            </a:prstGeom>
            <a:ln>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a:cxnSpLocks/>
            </p:cNvCxnSpPr>
            <p:nvPr/>
          </p:nvCxnSpPr>
          <p:spPr>
            <a:xfrm flipH="1">
              <a:off x="9738666" y="1791186"/>
              <a:ext cx="17098" cy="1386982"/>
            </a:xfrm>
            <a:prstGeom prst="line">
              <a:avLst/>
            </a:prstGeom>
            <a:ln>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664073" y="1510957"/>
              <a:ext cx="2080016" cy="253253"/>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Start of Recruitment</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sp>
          <p:nvSpPr>
            <p:cNvPr id="21" name="TextBox 20"/>
            <p:cNvSpPr txBox="1"/>
            <p:nvPr/>
          </p:nvSpPr>
          <p:spPr>
            <a:xfrm>
              <a:off x="9319558" y="1388105"/>
              <a:ext cx="916690" cy="422088"/>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Final</a:t>
              </a:r>
            </a:p>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Analysis</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sp>
          <p:nvSpPr>
            <p:cNvPr id="30" name="Rectangle 29">
              <a:extLst>
                <a:ext uri="{FF2B5EF4-FFF2-40B4-BE49-F238E27FC236}">
                  <a16:creationId xmlns:a16="http://schemas.microsoft.com/office/drawing/2014/main" id="{5BAA1BB2-B268-AC41-A11B-4C5BB5C9B97B}"/>
                </a:ext>
              </a:extLst>
            </p:cNvPr>
            <p:cNvSpPr/>
            <p:nvPr/>
          </p:nvSpPr>
          <p:spPr>
            <a:xfrm>
              <a:off x="4953052" y="2881646"/>
              <a:ext cx="4758117" cy="281016"/>
            </a:xfrm>
            <a:prstGeom prst="rect">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SG" sz="1200" dirty="0">
                  <a:solidFill>
                    <a:prstClr val="white"/>
                  </a:solidFill>
                  <a:latin typeface="Segoe UI" panose="020B0502040204020203" pitchFamily="34" charset="0"/>
                  <a:ea typeface="Segoe UI" panose="020B0502040204020203" pitchFamily="34" charset="0"/>
                  <a:cs typeface="Segoe UI" panose="020B0502040204020203" pitchFamily="34" charset="0"/>
                </a:rPr>
                <a:t>RH</a:t>
              </a:r>
              <a:endParaRPr lang="en-GB" sz="120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sp>
          <p:nvSpPr>
            <p:cNvPr id="31" name="Rectangle 30">
              <a:extLst>
                <a:ext uri="{FF2B5EF4-FFF2-40B4-BE49-F238E27FC236}">
                  <a16:creationId xmlns:a16="http://schemas.microsoft.com/office/drawing/2014/main" id="{5787B121-1C2C-814E-AF35-2D2F2A09E137}"/>
                </a:ext>
              </a:extLst>
            </p:cNvPr>
            <p:cNvSpPr/>
            <p:nvPr/>
          </p:nvSpPr>
          <p:spPr>
            <a:xfrm>
              <a:off x="2522924" y="2877275"/>
              <a:ext cx="2466511" cy="3008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SG" sz="1200" dirty="0">
                  <a:solidFill>
                    <a:prstClr val="white"/>
                  </a:solidFill>
                  <a:latin typeface="Segoe UI" panose="020B0502040204020203" pitchFamily="34" charset="0"/>
                  <a:ea typeface="Segoe UI" panose="020B0502040204020203" pitchFamily="34" charset="0"/>
                  <a:cs typeface="Segoe UI" panose="020B0502040204020203" pitchFamily="34" charset="0"/>
                </a:rPr>
                <a:t>Rosuvastatin 10mg + RHZE </a:t>
              </a:r>
              <a:endParaRPr lang="en-GB" sz="120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sp>
          <p:nvSpPr>
            <p:cNvPr id="32" name="Rectangle 31">
              <a:extLst>
                <a:ext uri="{FF2B5EF4-FFF2-40B4-BE49-F238E27FC236}">
                  <a16:creationId xmlns:a16="http://schemas.microsoft.com/office/drawing/2014/main" id="{D00F9175-8AD9-0D45-AFEA-700AF57744C5}"/>
                </a:ext>
              </a:extLst>
            </p:cNvPr>
            <p:cNvSpPr/>
            <p:nvPr/>
          </p:nvSpPr>
          <p:spPr>
            <a:xfrm>
              <a:off x="1853576" y="2882934"/>
              <a:ext cx="647795" cy="286674"/>
            </a:xfrm>
            <a:prstGeom prst="rect">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SG" sz="1200" dirty="0">
                  <a:solidFill>
                    <a:prstClr val="white"/>
                  </a:solidFill>
                  <a:latin typeface="Segoe UI" panose="020B0502040204020203" pitchFamily="34" charset="0"/>
                  <a:ea typeface="Segoe UI" panose="020B0502040204020203" pitchFamily="34" charset="0"/>
                  <a:cs typeface="Segoe UI" panose="020B0502040204020203" pitchFamily="34" charset="0"/>
                </a:rPr>
                <a:t> </a:t>
              </a:r>
              <a:endParaRPr lang="en-GB" sz="120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sp>
          <p:nvSpPr>
            <p:cNvPr id="33" name="TextBox 32">
              <a:extLst>
                <a:ext uri="{FF2B5EF4-FFF2-40B4-BE49-F238E27FC236}">
                  <a16:creationId xmlns:a16="http://schemas.microsoft.com/office/drawing/2014/main" id="{DF3DA610-CCE0-4741-8115-55DC63469E0A}"/>
                </a:ext>
              </a:extLst>
            </p:cNvPr>
            <p:cNvSpPr txBox="1"/>
            <p:nvPr/>
          </p:nvSpPr>
          <p:spPr>
            <a:xfrm>
              <a:off x="126402" y="2611169"/>
              <a:ext cx="1926845" cy="253253"/>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Up to 7 days TB Rx</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grpSp>
      <p:cxnSp>
        <p:nvCxnSpPr>
          <p:cNvPr id="35" name="Straight Connector 34">
            <a:extLst>
              <a:ext uri="{FF2B5EF4-FFF2-40B4-BE49-F238E27FC236}">
                <a16:creationId xmlns:a16="http://schemas.microsoft.com/office/drawing/2014/main" id="{FD314EF5-91DA-8C45-B9E3-09F28922B8A6}"/>
              </a:ext>
            </a:extLst>
          </p:cNvPr>
          <p:cNvCxnSpPr>
            <a:cxnSpLocks/>
          </p:cNvCxnSpPr>
          <p:nvPr/>
        </p:nvCxnSpPr>
        <p:spPr>
          <a:xfrm flipH="1">
            <a:off x="4278422" y="2347249"/>
            <a:ext cx="10409" cy="1536602"/>
          </a:xfrm>
          <a:prstGeom prst="line">
            <a:avLst/>
          </a:prstGeom>
          <a:ln>
            <a:solidFill>
              <a:schemeClr val="tx1">
                <a:lumMod val="65000"/>
                <a:lumOff val="35000"/>
              </a:schemeClr>
            </a:solidFill>
            <a:prstDash val="dash"/>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2C0308F6-768B-5B4B-8C83-0204B9D2E822}"/>
              </a:ext>
            </a:extLst>
          </p:cNvPr>
          <p:cNvSpPr txBox="1"/>
          <p:nvPr/>
        </p:nvSpPr>
        <p:spPr>
          <a:xfrm>
            <a:off x="3842011" y="3878649"/>
            <a:ext cx="977279" cy="276999"/>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Week 8</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sp>
        <p:nvSpPr>
          <p:cNvPr id="39" name="TextBox 38">
            <a:extLst>
              <a:ext uri="{FF2B5EF4-FFF2-40B4-BE49-F238E27FC236}">
                <a16:creationId xmlns:a16="http://schemas.microsoft.com/office/drawing/2014/main" id="{66CBD4FB-EE2F-4141-91BD-C69BD8053CC7}"/>
              </a:ext>
            </a:extLst>
          </p:cNvPr>
          <p:cNvSpPr txBox="1"/>
          <p:nvPr/>
        </p:nvSpPr>
        <p:spPr>
          <a:xfrm>
            <a:off x="7886557" y="3834740"/>
            <a:ext cx="977279" cy="276999"/>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Week 24</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pic>
        <p:nvPicPr>
          <p:cNvPr id="44" name="Picture 43">
            <a:extLst>
              <a:ext uri="{FF2B5EF4-FFF2-40B4-BE49-F238E27FC236}">
                <a16:creationId xmlns:a16="http://schemas.microsoft.com/office/drawing/2014/main" id="{76DBF1CD-50AA-F642-A1A2-028E060B6A21}"/>
              </a:ext>
            </a:extLst>
          </p:cNvPr>
          <p:cNvPicPr>
            <a:picLocks noChangeAspect="1"/>
          </p:cNvPicPr>
          <p:nvPr/>
        </p:nvPicPr>
        <p:blipFill>
          <a:blip r:embed="rId3"/>
          <a:stretch>
            <a:fillRect/>
          </a:stretch>
        </p:blipFill>
        <p:spPr>
          <a:xfrm>
            <a:off x="5815876" y="128370"/>
            <a:ext cx="3200879" cy="646331"/>
          </a:xfrm>
          <a:prstGeom prst="rect">
            <a:avLst/>
          </a:prstGeom>
        </p:spPr>
      </p:pic>
      <p:sp>
        <p:nvSpPr>
          <p:cNvPr id="29" name="TextBox 28">
            <a:extLst>
              <a:ext uri="{FF2B5EF4-FFF2-40B4-BE49-F238E27FC236}">
                <a16:creationId xmlns:a16="http://schemas.microsoft.com/office/drawing/2014/main" id="{3F95A95B-DC26-48DC-9B60-264A81D37A4F}"/>
              </a:ext>
            </a:extLst>
          </p:cNvPr>
          <p:cNvSpPr txBox="1"/>
          <p:nvPr/>
        </p:nvSpPr>
        <p:spPr>
          <a:xfrm>
            <a:off x="1745840" y="3878649"/>
            <a:ext cx="977279" cy="276999"/>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Baseline</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cxnSp>
        <p:nvCxnSpPr>
          <p:cNvPr id="3" name="Connector: Elbow 2">
            <a:extLst>
              <a:ext uri="{FF2B5EF4-FFF2-40B4-BE49-F238E27FC236}">
                <a16:creationId xmlns:a16="http://schemas.microsoft.com/office/drawing/2014/main" id="{733349D4-1E3E-4E64-937A-5033F543B3A4}"/>
              </a:ext>
            </a:extLst>
          </p:cNvPr>
          <p:cNvCxnSpPr>
            <a:stCxn id="33" idx="0"/>
            <a:endCxn id="4" idx="1"/>
          </p:cNvCxnSpPr>
          <p:nvPr/>
        </p:nvCxnSpPr>
        <p:spPr>
          <a:xfrm rot="5400000" flipH="1" flipV="1">
            <a:off x="1139535" y="2810960"/>
            <a:ext cx="206848" cy="659468"/>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 name="Connector: Elbow 6">
            <a:extLst>
              <a:ext uri="{FF2B5EF4-FFF2-40B4-BE49-F238E27FC236}">
                <a16:creationId xmlns:a16="http://schemas.microsoft.com/office/drawing/2014/main" id="{6442FE06-2C11-4AED-8AF0-0FCB482D7902}"/>
              </a:ext>
            </a:extLst>
          </p:cNvPr>
          <p:cNvCxnSpPr>
            <a:stCxn id="33" idx="2"/>
            <a:endCxn id="32" idx="1"/>
          </p:cNvCxnSpPr>
          <p:nvPr/>
        </p:nvCxnSpPr>
        <p:spPr>
          <a:xfrm rot="16200000" flipH="1">
            <a:off x="1154739" y="3279602"/>
            <a:ext cx="177025" cy="660053"/>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graphicFrame>
        <p:nvGraphicFramePr>
          <p:cNvPr id="16" name="Table 16">
            <a:extLst>
              <a:ext uri="{FF2B5EF4-FFF2-40B4-BE49-F238E27FC236}">
                <a16:creationId xmlns:a16="http://schemas.microsoft.com/office/drawing/2014/main" id="{7A8B0771-E43C-4AB8-B404-28628B70ECC4}"/>
              </a:ext>
            </a:extLst>
          </p:cNvPr>
          <p:cNvGraphicFramePr>
            <a:graphicFrameLocks noGrp="1"/>
          </p:cNvGraphicFramePr>
          <p:nvPr>
            <p:extLst>
              <p:ext uri="{D42A27DB-BD31-4B8C-83A1-F6EECF244321}">
                <p14:modId xmlns:p14="http://schemas.microsoft.com/office/powerpoint/2010/main" val="4289109546"/>
              </p:ext>
            </p:extLst>
          </p:nvPr>
        </p:nvGraphicFramePr>
        <p:xfrm>
          <a:off x="1242959" y="4161528"/>
          <a:ext cx="7280555" cy="1589668"/>
        </p:xfrm>
        <a:graphic>
          <a:graphicData uri="http://schemas.openxmlformats.org/drawingml/2006/table">
            <a:tbl>
              <a:tblPr firstRow="1" bandRow="1">
                <a:tableStyleId>{5C22544A-7EE6-4342-B048-85BDC9FD1C3A}</a:tableStyleId>
              </a:tblPr>
              <a:tblGrid>
                <a:gridCol w="829832">
                  <a:extLst>
                    <a:ext uri="{9D8B030D-6E8A-4147-A177-3AD203B41FA5}">
                      <a16:colId xmlns:a16="http://schemas.microsoft.com/office/drawing/2014/main" val="15985207"/>
                    </a:ext>
                  </a:extLst>
                </a:gridCol>
                <a:gridCol w="267391">
                  <a:extLst>
                    <a:ext uri="{9D8B030D-6E8A-4147-A177-3AD203B41FA5}">
                      <a16:colId xmlns:a16="http://schemas.microsoft.com/office/drawing/2014/main" val="3164652336"/>
                    </a:ext>
                  </a:extLst>
                </a:gridCol>
                <a:gridCol w="239729">
                  <a:extLst>
                    <a:ext uri="{9D8B030D-6E8A-4147-A177-3AD203B41FA5}">
                      <a16:colId xmlns:a16="http://schemas.microsoft.com/office/drawing/2014/main" val="3655599201"/>
                    </a:ext>
                  </a:extLst>
                </a:gridCol>
                <a:gridCol w="248950">
                  <a:extLst>
                    <a:ext uri="{9D8B030D-6E8A-4147-A177-3AD203B41FA5}">
                      <a16:colId xmlns:a16="http://schemas.microsoft.com/office/drawing/2014/main" val="794194512"/>
                    </a:ext>
                  </a:extLst>
                </a:gridCol>
                <a:gridCol w="258170">
                  <a:extLst>
                    <a:ext uri="{9D8B030D-6E8A-4147-A177-3AD203B41FA5}">
                      <a16:colId xmlns:a16="http://schemas.microsoft.com/office/drawing/2014/main" val="4239108305"/>
                    </a:ext>
                  </a:extLst>
                </a:gridCol>
                <a:gridCol w="202848">
                  <a:extLst>
                    <a:ext uri="{9D8B030D-6E8A-4147-A177-3AD203B41FA5}">
                      <a16:colId xmlns:a16="http://schemas.microsoft.com/office/drawing/2014/main" val="1509360926"/>
                    </a:ext>
                  </a:extLst>
                </a:gridCol>
                <a:gridCol w="285831">
                  <a:extLst>
                    <a:ext uri="{9D8B030D-6E8A-4147-A177-3AD203B41FA5}">
                      <a16:colId xmlns:a16="http://schemas.microsoft.com/office/drawing/2014/main" val="3460952148"/>
                    </a:ext>
                  </a:extLst>
                </a:gridCol>
                <a:gridCol w="256762">
                  <a:extLst>
                    <a:ext uri="{9D8B030D-6E8A-4147-A177-3AD203B41FA5}">
                      <a16:colId xmlns:a16="http://schemas.microsoft.com/office/drawing/2014/main" val="3898539587"/>
                    </a:ext>
                  </a:extLst>
                </a:gridCol>
                <a:gridCol w="311589">
                  <a:extLst>
                    <a:ext uri="{9D8B030D-6E8A-4147-A177-3AD203B41FA5}">
                      <a16:colId xmlns:a16="http://schemas.microsoft.com/office/drawing/2014/main" val="2037697280"/>
                    </a:ext>
                  </a:extLst>
                </a:gridCol>
                <a:gridCol w="542336">
                  <a:extLst>
                    <a:ext uri="{9D8B030D-6E8A-4147-A177-3AD203B41FA5}">
                      <a16:colId xmlns:a16="http://schemas.microsoft.com/office/drawing/2014/main" val="61866440"/>
                    </a:ext>
                  </a:extLst>
                </a:gridCol>
                <a:gridCol w="562058">
                  <a:extLst>
                    <a:ext uri="{9D8B030D-6E8A-4147-A177-3AD203B41FA5}">
                      <a16:colId xmlns:a16="http://schemas.microsoft.com/office/drawing/2014/main" val="3583589325"/>
                    </a:ext>
                  </a:extLst>
                </a:gridCol>
                <a:gridCol w="2936858">
                  <a:extLst>
                    <a:ext uri="{9D8B030D-6E8A-4147-A177-3AD203B41FA5}">
                      <a16:colId xmlns:a16="http://schemas.microsoft.com/office/drawing/2014/main" val="3050355296"/>
                    </a:ext>
                  </a:extLst>
                </a:gridCol>
                <a:gridCol w="338201">
                  <a:extLst>
                    <a:ext uri="{9D8B030D-6E8A-4147-A177-3AD203B41FA5}">
                      <a16:colId xmlns:a16="http://schemas.microsoft.com/office/drawing/2014/main" val="1445201151"/>
                    </a:ext>
                  </a:extLst>
                </a:gridCol>
              </a:tblGrid>
              <a:tr h="188595">
                <a:tc>
                  <a:txBody>
                    <a:bodyPr/>
                    <a:lstStyle/>
                    <a:p>
                      <a:r>
                        <a:rPr lang="en-SG" sz="800" dirty="0">
                          <a:solidFill>
                            <a:schemeClr val="tx1"/>
                          </a:solidFill>
                        </a:rPr>
                        <a:t>Week</a:t>
                      </a:r>
                    </a:p>
                  </a:txBody>
                  <a:tcPr marL="68580" marR="68580" marT="34290" marB="34290">
                    <a:noFill/>
                  </a:tcPr>
                </a:tc>
                <a:tc>
                  <a:txBody>
                    <a:bodyPr/>
                    <a:lstStyle/>
                    <a:p>
                      <a:r>
                        <a:rPr lang="en-SG" sz="800" dirty="0">
                          <a:solidFill>
                            <a:schemeClr val="tx1"/>
                          </a:solidFill>
                        </a:rPr>
                        <a:t>0</a:t>
                      </a:r>
                    </a:p>
                  </a:txBody>
                  <a:tcPr marL="68580" marR="68580" marT="34290" marB="34290">
                    <a:noFill/>
                  </a:tcPr>
                </a:tc>
                <a:tc>
                  <a:txBody>
                    <a:bodyPr/>
                    <a:lstStyle/>
                    <a:p>
                      <a:r>
                        <a:rPr lang="en-SG" sz="800" dirty="0">
                          <a:solidFill>
                            <a:schemeClr val="tx1"/>
                          </a:solidFill>
                        </a:rPr>
                        <a:t>1</a:t>
                      </a:r>
                    </a:p>
                  </a:txBody>
                  <a:tcPr marL="68580" marR="68580" marT="34290" marB="34290">
                    <a:noFill/>
                  </a:tcPr>
                </a:tc>
                <a:tc>
                  <a:txBody>
                    <a:bodyPr/>
                    <a:lstStyle/>
                    <a:p>
                      <a:r>
                        <a:rPr lang="en-SG" sz="800" dirty="0">
                          <a:solidFill>
                            <a:schemeClr val="tx1"/>
                          </a:solidFill>
                        </a:rPr>
                        <a:t>2</a:t>
                      </a:r>
                    </a:p>
                  </a:txBody>
                  <a:tcPr marL="68580" marR="68580" marT="34290" marB="34290">
                    <a:noFill/>
                  </a:tcPr>
                </a:tc>
                <a:tc>
                  <a:txBody>
                    <a:bodyPr/>
                    <a:lstStyle/>
                    <a:p>
                      <a:r>
                        <a:rPr lang="en-SG" sz="800" dirty="0">
                          <a:solidFill>
                            <a:schemeClr val="tx1"/>
                          </a:solidFill>
                        </a:rPr>
                        <a:t>3</a:t>
                      </a:r>
                    </a:p>
                  </a:txBody>
                  <a:tcPr marL="68580" marR="68580" marT="34290" marB="34290">
                    <a:noFill/>
                  </a:tcPr>
                </a:tc>
                <a:tc>
                  <a:txBody>
                    <a:bodyPr/>
                    <a:lstStyle/>
                    <a:p>
                      <a:r>
                        <a:rPr lang="en-SG" sz="800" dirty="0">
                          <a:solidFill>
                            <a:schemeClr val="tx1"/>
                          </a:solidFill>
                        </a:rPr>
                        <a:t>4</a:t>
                      </a:r>
                    </a:p>
                  </a:txBody>
                  <a:tcPr marL="68580" marR="68580" marT="34290" marB="34290">
                    <a:noFill/>
                  </a:tcPr>
                </a:tc>
                <a:tc>
                  <a:txBody>
                    <a:bodyPr/>
                    <a:lstStyle/>
                    <a:p>
                      <a:r>
                        <a:rPr lang="en-SG" sz="800" dirty="0">
                          <a:solidFill>
                            <a:schemeClr val="tx1"/>
                          </a:solidFill>
                        </a:rPr>
                        <a:t>5</a:t>
                      </a:r>
                    </a:p>
                  </a:txBody>
                  <a:tcPr marL="68580" marR="68580" marT="34290" marB="34290">
                    <a:noFill/>
                  </a:tcPr>
                </a:tc>
                <a:tc>
                  <a:txBody>
                    <a:bodyPr/>
                    <a:lstStyle/>
                    <a:p>
                      <a:r>
                        <a:rPr lang="en-SG" sz="800" dirty="0">
                          <a:solidFill>
                            <a:schemeClr val="tx1"/>
                          </a:solidFill>
                        </a:rPr>
                        <a:t>6</a:t>
                      </a:r>
                    </a:p>
                  </a:txBody>
                  <a:tcPr marL="68580" marR="68580" marT="34290" marB="34290">
                    <a:noFill/>
                  </a:tcPr>
                </a:tc>
                <a:tc>
                  <a:txBody>
                    <a:bodyPr/>
                    <a:lstStyle/>
                    <a:p>
                      <a:r>
                        <a:rPr lang="en-SG" sz="800" dirty="0">
                          <a:solidFill>
                            <a:schemeClr val="tx1"/>
                          </a:solidFill>
                        </a:rPr>
                        <a:t>7</a:t>
                      </a:r>
                    </a:p>
                  </a:txBody>
                  <a:tcPr marL="68580" marR="68580" marT="34290" marB="34290">
                    <a:noFill/>
                  </a:tcPr>
                </a:tc>
                <a:tc>
                  <a:txBody>
                    <a:bodyPr/>
                    <a:lstStyle/>
                    <a:p>
                      <a:r>
                        <a:rPr lang="en-SG" sz="800" dirty="0">
                          <a:solidFill>
                            <a:schemeClr val="tx1"/>
                          </a:solidFill>
                        </a:rPr>
                        <a:t>8</a:t>
                      </a:r>
                    </a:p>
                  </a:txBody>
                  <a:tcPr marL="68580" marR="68580" marT="34290" marB="34290">
                    <a:noFill/>
                  </a:tcPr>
                </a:tc>
                <a:tc>
                  <a:txBody>
                    <a:bodyPr/>
                    <a:lstStyle/>
                    <a:p>
                      <a:r>
                        <a:rPr lang="en-SG" sz="800" dirty="0">
                          <a:solidFill>
                            <a:schemeClr val="tx1"/>
                          </a:solidFill>
                        </a:rPr>
                        <a:t>10</a:t>
                      </a:r>
                    </a:p>
                  </a:txBody>
                  <a:tcPr marL="68580" marR="68580" marT="34290" marB="34290">
                    <a:noFill/>
                  </a:tcPr>
                </a:tc>
                <a:tc>
                  <a:txBody>
                    <a:bodyPr/>
                    <a:lstStyle/>
                    <a:p>
                      <a:r>
                        <a:rPr lang="en-SG" sz="800" dirty="0">
                          <a:solidFill>
                            <a:schemeClr val="tx1"/>
                          </a:solidFill>
                        </a:rPr>
                        <a:t>12</a:t>
                      </a:r>
                    </a:p>
                  </a:txBody>
                  <a:tcPr marL="68580" marR="68580" marT="34290" marB="34290">
                    <a:noFill/>
                  </a:tcPr>
                </a:tc>
                <a:tc>
                  <a:txBody>
                    <a:bodyPr/>
                    <a:lstStyle/>
                    <a:p>
                      <a:r>
                        <a:rPr lang="en-SG" sz="800" dirty="0">
                          <a:solidFill>
                            <a:schemeClr val="tx1"/>
                          </a:solidFill>
                        </a:rPr>
                        <a:t>24</a:t>
                      </a:r>
                    </a:p>
                  </a:txBody>
                  <a:tcPr marL="68580" marR="68580" marT="34290" marB="34290">
                    <a:noFill/>
                  </a:tcPr>
                </a:tc>
                <a:extLst>
                  <a:ext uri="{0D108BD9-81ED-4DB2-BD59-A6C34878D82A}">
                    <a16:rowId xmlns:a16="http://schemas.microsoft.com/office/drawing/2014/main" val="1590345183"/>
                  </a:ext>
                </a:extLst>
              </a:tr>
              <a:tr h="2028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800" dirty="0"/>
                        <a:t>Visits</a:t>
                      </a:r>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extLst>
                  <a:ext uri="{0D108BD9-81ED-4DB2-BD59-A6C34878D82A}">
                    <a16:rowId xmlns:a16="http://schemas.microsoft.com/office/drawing/2014/main" val="3241802413"/>
                  </a:ext>
                </a:extLst>
              </a:tr>
              <a:tr h="188595">
                <a:tc>
                  <a:txBody>
                    <a:bodyPr/>
                    <a:lstStyle/>
                    <a:p>
                      <a:r>
                        <a:rPr lang="en-SG" sz="800" dirty="0"/>
                        <a:t>Culture</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tc>
                  <a:txBody>
                    <a:bodyPr/>
                    <a:lstStyle/>
                    <a:p>
                      <a:r>
                        <a:rPr lang="en-SG" sz="800" dirty="0"/>
                        <a:t>X</a:t>
                      </a:r>
                    </a:p>
                  </a:txBody>
                  <a:tcPr marL="68580" marR="68580" marT="34290" marB="34290">
                    <a:noFill/>
                  </a:tcPr>
                </a:tc>
                <a:extLst>
                  <a:ext uri="{0D108BD9-81ED-4DB2-BD59-A6C34878D82A}">
                    <a16:rowId xmlns:a16="http://schemas.microsoft.com/office/drawing/2014/main" val="2073945705"/>
                  </a:ext>
                </a:extLst>
              </a:tr>
              <a:tr h="188595">
                <a:tc>
                  <a:txBody>
                    <a:bodyPr/>
                    <a:lstStyle/>
                    <a:p>
                      <a:r>
                        <a:rPr lang="en-SG" sz="800" dirty="0"/>
                        <a:t>PET-CT</a:t>
                      </a:r>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extLst>
                  <a:ext uri="{0D108BD9-81ED-4DB2-BD59-A6C34878D82A}">
                    <a16:rowId xmlns:a16="http://schemas.microsoft.com/office/drawing/2014/main" val="1766249039"/>
                  </a:ext>
                </a:extLst>
              </a:tr>
              <a:tr h="188595">
                <a:tc>
                  <a:txBody>
                    <a:bodyPr/>
                    <a:lstStyle/>
                    <a:p>
                      <a:r>
                        <a:rPr lang="en-SG" sz="800" dirty="0"/>
                        <a:t>Transcriptomics</a:t>
                      </a:r>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extLst>
                  <a:ext uri="{0D108BD9-81ED-4DB2-BD59-A6C34878D82A}">
                    <a16:rowId xmlns:a16="http://schemas.microsoft.com/office/drawing/2014/main" val="599856030"/>
                  </a:ext>
                </a:extLst>
              </a:tr>
              <a:tr h="188595">
                <a:tc>
                  <a:txBody>
                    <a:bodyPr/>
                    <a:lstStyle/>
                    <a:p>
                      <a:r>
                        <a:rPr lang="en-SG" sz="800" dirty="0"/>
                        <a:t>Metabolomics</a:t>
                      </a:r>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extLst>
                  <a:ext uri="{0D108BD9-81ED-4DB2-BD59-A6C34878D82A}">
                    <a16:rowId xmlns:a16="http://schemas.microsoft.com/office/drawing/2014/main" val="1376724616"/>
                  </a:ext>
                </a:extLst>
              </a:tr>
              <a:tr h="188595">
                <a:tc>
                  <a:txBody>
                    <a:bodyPr/>
                    <a:lstStyle/>
                    <a:p>
                      <a:r>
                        <a:rPr lang="en-SG" sz="800" dirty="0"/>
                        <a:t>MBL/ </a:t>
                      </a:r>
                    </a:p>
                    <a:p>
                      <a:r>
                        <a:rPr lang="en-SG" sz="800" dirty="0"/>
                        <a:t>Bacterial</a:t>
                      </a:r>
                    </a:p>
                    <a:p>
                      <a:r>
                        <a:rPr lang="en-SG" sz="800" dirty="0"/>
                        <a:t>Transcriptome</a:t>
                      </a:r>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r>
                        <a:rPr lang="en-SG" sz="800" dirty="0"/>
                        <a:t>X</a:t>
                      </a:r>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tc>
                  <a:txBody>
                    <a:bodyPr/>
                    <a:lstStyle/>
                    <a:p>
                      <a:endParaRPr lang="en-SG" sz="800" dirty="0"/>
                    </a:p>
                  </a:txBody>
                  <a:tcPr marL="68580" marR="68580" marT="34290" marB="34290">
                    <a:noFill/>
                  </a:tcPr>
                </a:tc>
                <a:extLst>
                  <a:ext uri="{0D108BD9-81ED-4DB2-BD59-A6C34878D82A}">
                    <a16:rowId xmlns:a16="http://schemas.microsoft.com/office/drawing/2014/main" val="2207381461"/>
                  </a:ext>
                </a:extLst>
              </a:tr>
            </a:tbl>
          </a:graphicData>
        </a:graphic>
      </p:graphicFrame>
      <p:sp>
        <p:nvSpPr>
          <p:cNvPr id="43" name="TextBox 42">
            <a:extLst>
              <a:ext uri="{FF2B5EF4-FFF2-40B4-BE49-F238E27FC236}">
                <a16:creationId xmlns:a16="http://schemas.microsoft.com/office/drawing/2014/main" id="{D2CA1E9C-5D36-474D-B75F-07E7B651D274}"/>
              </a:ext>
            </a:extLst>
          </p:cNvPr>
          <p:cNvSpPr txBox="1"/>
          <p:nvPr/>
        </p:nvSpPr>
        <p:spPr>
          <a:xfrm>
            <a:off x="5466672" y="4951627"/>
            <a:ext cx="2756125" cy="715581"/>
          </a:xfrm>
          <a:prstGeom prst="rect">
            <a:avLst/>
          </a:prstGeom>
          <a:noFill/>
          <a:ln w="38100">
            <a:solidFill>
              <a:schemeClr val="accent1"/>
            </a:solidFill>
          </a:ln>
        </p:spPr>
        <p:txBody>
          <a:bodyPr wrap="square" rtlCol="0">
            <a:spAutoFit/>
          </a:bodyPr>
          <a:lstStyle/>
          <a:p>
            <a:pPr algn="ctr"/>
            <a:r>
              <a:rPr lang="en-US" sz="1350" b="1" u="sng" dirty="0"/>
              <a:t>PRIMARY ENDPOINTS</a:t>
            </a:r>
          </a:p>
          <a:p>
            <a:pPr algn="ctr"/>
            <a:r>
              <a:rPr lang="en-US" sz="1350" b="1" dirty="0"/>
              <a:t>Time to sputum culture conversion (liquid media) within 8 weeks</a:t>
            </a:r>
          </a:p>
        </p:txBody>
      </p:sp>
      <p:sp>
        <p:nvSpPr>
          <p:cNvPr id="26" name="TextBox 25">
            <a:extLst>
              <a:ext uri="{FF2B5EF4-FFF2-40B4-BE49-F238E27FC236}">
                <a16:creationId xmlns:a16="http://schemas.microsoft.com/office/drawing/2014/main" id="{46117F6A-B4A1-4BEA-935F-78549402DFED}"/>
              </a:ext>
            </a:extLst>
          </p:cNvPr>
          <p:cNvSpPr txBox="1"/>
          <p:nvPr/>
        </p:nvSpPr>
        <p:spPr>
          <a:xfrm>
            <a:off x="3580530" y="2030681"/>
            <a:ext cx="1797602" cy="461665"/>
          </a:xfrm>
          <a:prstGeom prst="rect">
            <a:avLst/>
          </a:prstGeom>
          <a:noFill/>
        </p:spPr>
        <p:txBody>
          <a:bodyPr wrap="square" rtlCol="0">
            <a:spAutoFit/>
          </a:bodyPr>
          <a:lstStyle/>
          <a:p>
            <a:pPr algn="ctr"/>
            <a:r>
              <a:rPr lang="en-SG" sz="1200" b="1" dirty="0">
                <a:solidFill>
                  <a:prstClr val="black"/>
                </a:solidFill>
                <a:latin typeface="Segoe UI" panose="020B0502040204020203" pitchFamily="34" charset="0"/>
                <a:ea typeface="Segoe UI" panose="020B0502040204020203" pitchFamily="34" charset="0"/>
                <a:cs typeface="Segoe UI" panose="020B0502040204020203" pitchFamily="34" charset="0"/>
              </a:rPr>
              <a:t>Complete Intervention</a:t>
            </a:r>
            <a:endParaRPr lang="en-GB" sz="1200" b="1" dirty="0">
              <a:solidFill>
                <a:prstClr val="black"/>
              </a:solidFill>
              <a:latin typeface="Segoe UI" panose="020B0502040204020203" pitchFamily="34" charset="0"/>
              <a:ea typeface="Segoe UI" panose="020B0502040204020203" pitchFamily="34" charset="0"/>
              <a:cs typeface="Segoe UI" panose="020B0502040204020203" pitchFamily="34" charset="0"/>
            </a:endParaRPr>
          </a:p>
        </p:txBody>
      </p:sp>
      <p:sp>
        <p:nvSpPr>
          <p:cNvPr id="2" name="Rectangle 1">
            <a:extLst>
              <a:ext uri="{FF2B5EF4-FFF2-40B4-BE49-F238E27FC236}">
                <a16:creationId xmlns:a16="http://schemas.microsoft.com/office/drawing/2014/main" id="{6A147D7E-A9C6-47C7-AB7E-29F46AD7864F}"/>
              </a:ext>
            </a:extLst>
          </p:cNvPr>
          <p:cNvSpPr/>
          <p:nvPr/>
        </p:nvSpPr>
        <p:spPr>
          <a:xfrm>
            <a:off x="4251924" y="2926339"/>
            <a:ext cx="412292" cy="300082"/>
          </a:xfrm>
          <a:prstGeom prst="rect">
            <a:avLst/>
          </a:prstGeom>
        </p:spPr>
        <p:txBody>
          <a:bodyPr wrap="none">
            <a:spAutoFit/>
          </a:bodyPr>
          <a:lstStyle/>
          <a:p>
            <a:r>
              <a:rPr lang="en-SG" sz="1350" dirty="0">
                <a:solidFill>
                  <a:prstClr val="white"/>
                </a:solidFill>
                <a:latin typeface="Segoe UI" panose="020B0502040204020203" pitchFamily="34" charset="0"/>
                <a:ea typeface="Segoe UI" panose="020B0502040204020203" pitchFamily="34" charset="0"/>
                <a:cs typeface="Segoe UI" panose="020B0502040204020203" pitchFamily="34" charset="0"/>
              </a:rPr>
              <a:t>RH</a:t>
            </a:r>
            <a:endParaRPr lang="en-GB" sz="1350" dirty="0">
              <a:solidFill>
                <a:prstClr val="white"/>
              </a:solidFill>
              <a:latin typeface="Segoe UI" panose="020B0502040204020203" pitchFamily="34" charset="0"/>
              <a:ea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311065154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CD94DD-CEB1-4006-8F6B-CBFD4F79F5FA}"/>
              </a:ext>
            </a:extLst>
          </p:cNvPr>
          <p:cNvSpPr>
            <a:spLocks noGrp="1"/>
          </p:cNvSpPr>
          <p:nvPr>
            <p:ph type="title"/>
          </p:nvPr>
        </p:nvSpPr>
        <p:spPr/>
        <p:txBody>
          <a:bodyPr/>
          <a:lstStyle/>
          <a:p>
            <a:r>
              <a:rPr lang="en-SG" dirty="0"/>
              <a:t>Other outcome measures</a:t>
            </a:r>
          </a:p>
        </p:txBody>
      </p:sp>
      <p:sp>
        <p:nvSpPr>
          <p:cNvPr id="4" name="Content Placeholder 3">
            <a:extLst>
              <a:ext uri="{FF2B5EF4-FFF2-40B4-BE49-F238E27FC236}">
                <a16:creationId xmlns:a16="http://schemas.microsoft.com/office/drawing/2014/main" id="{A89FE587-EA37-472A-9A20-94BCDDA1ED82}"/>
              </a:ext>
            </a:extLst>
          </p:cNvPr>
          <p:cNvSpPr>
            <a:spLocks noGrp="1"/>
          </p:cNvSpPr>
          <p:nvPr>
            <p:ph sz="half" idx="1"/>
          </p:nvPr>
        </p:nvSpPr>
        <p:spPr/>
        <p:txBody>
          <a:bodyPr>
            <a:normAutofit fontScale="85000" lnSpcReduction="10000"/>
          </a:bodyPr>
          <a:lstStyle/>
          <a:p>
            <a:pPr marL="0" indent="0">
              <a:buNone/>
            </a:pPr>
            <a:r>
              <a:rPr lang="en-SG" dirty="0"/>
              <a:t>Microbiological</a:t>
            </a:r>
          </a:p>
          <a:p>
            <a:pPr rtl="0" fontAlgn="base">
              <a:spcBef>
                <a:spcPts val="0"/>
              </a:spcBef>
              <a:spcAft>
                <a:spcPts val="0"/>
              </a:spcAft>
              <a:buFont typeface="+mj-lt"/>
              <a:buAutoNum type="arabicPeriod"/>
            </a:pPr>
            <a:r>
              <a:rPr lang="en-SG" sz="1800" b="0" i="0" u="none" strike="noStrike" dirty="0">
                <a:solidFill>
                  <a:srgbClr val="000000"/>
                </a:solidFill>
                <a:effectLst/>
              </a:rPr>
              <a:t>TCC (solid media) within 8 weeks</a:t>
            </a:r>
          </a:p>
          <a:p>
            <a:pPr rtl="0" fontAlgn="base">
              <a:spcBef>
                <a:spcPts val="0"/>
              </a:spcBef>
              <a:spcAft>
                <a:spcPts val="0"/>
              </a:spcAft>
              <a:buFont typeface="+mj-lt"/>
              <a:buAutoNum type="arabicPeriod"/>
            </a:pPr>
            <a:r>
              <a:rPr lang="en-SG" sz="1800" b="0" i="0" u="none" strike="noStrike" dirty="0">
                <a:solidFill>
                  <a:srgbClr val="000000"/>
                </a:solidFill>
                <a:effectLst/>
              </a:rPr>
              <a:t>TCC (liquid media) within 12 weeks</a:t>
            </a:r>
          </a:p>
          <a:p>
            <a:pPr rtl="0" fontAlgn="base">
              <a:spcBef>
                <a:spcPts val="0"/>
              </a:spcBef>
              <a:spcAft>
                <a:spcPts val="0"/>
              </a:spcAft>
              <a:buFont typeface="+mj-lt"/>
              <a:buAutoNum type="arabicPeriod"/>
            </a:pPr>
            <a:r>
              <a:rPr lang="en-SG" sz="1800" b="0" i="0" u="none" strike="noStrike" dirty="0">
                <a:solidFill>
                  <a:srgbClr val="000000"/>
                </a:solidFill>
                <a:effectLst/>
              </a:rPr>
              <a:t>Sputum culture negative (liquid media) at 8 weeks</a:t>
            </a:r>
          </a:p>
          <a:p>
            <a:pPr rtl="0" fontAlgn="base">
              <a:spcBef>
                <a:spcPts val="0"/>
              </a:spcBef>
              <a:spcAft>
                <a:spcPts val="0"/>
              </a:spcAft>
              <a:buFont typeface="+mj-lt"/>
              <a:buAutoNum type="arabicPeriod"/>
            </a:pPr>
            <a:r>
              <a:rPr lang="en-SG" sz="1800" b="0" i="0" u="none" strike="noStrike" dirty="0">
                <a:solidFill>
                  <a:srgbClr val="000000"/>
                </a:solidFill>
                <a:effectLst/>
              </a:rPr>
              <a:t>Sputum culture negative (solid media) at 8 weeks </a:t>
            </a:r>
          </a:p>
          <a:p>
            <a:pPr rtl="0" fontAlgn="base">
              <a:spcBef>
                <a:spcPts val="0"/>
              </a:spcBef>
              <a:spcAft>
                <a:spcPts val="0"/>
              </a:spcAft>
              <a:buFont typeface="+mj-lt"/>
              <a:buAutoNum type="arabicPeriod"/>
            </a:pPr>
            <a:r>
              <a:rPr lang="en-SG" sz="1800" b="0" i="0" u="none" strike="noStrike" dirty="0">
                <a:solidFill>
                  <a:srgbClr val="000000"/>
                </a:solidFill>
                <a:effectLst/>
              </a:rPr>
              <a:t>Change in TTP from baseline to 8 weeks</a:t>
            </a:r>
          </a:p>
          <a:p>
            <a:pPr marL="0" indent="0" rtl="0" fontAlgn="base">
              <a:spcBef>
                <a:spcPts val="0"/>
              </a:spcBef>
              <a:spcAft>
                <a:spcPts val="0"/>
              </a:spcAft>
              <a:buNone/>
            </a:pPr>
            <a:endParaRPr lang="en-SG" sz="1800" dirty="0">
              <a:solidFill>
                <a:srgbClr val="000000"/>
              </a:solidFill>
              <a:latin typeface="Times New Roman" panose="02020603050405020304" pitchFamily="18" charset="0"/>
            </a:endParaRPr>
          </a:p>
          <a:p>
            <a:pPr marL="0" indent="0" fontAlgn="base">
              <a:spcAft>
                <a:spcPts val="0"/>
              </a:spcAft>
              <a:buNone/>
            </a:pPr>
            <a:r>
              <a:rPr lang="en-SG" dirty="0"/>
              <a:t>Clinical </a:t>
            </a:r>
          </a:p>
          <a:p>
            <a:pPr rtl="0" fontAlgn="base">
              <a:spcBef>
                <a:spcPts val="0"/>
              </a:spcBef>
              <a:spcAft>
                <a:spcPts val="0"/>
              </a:spcAft>
              <a:buFont typeface="+mj-lt"/>
              <a:buAutoNum type="arabicPeriod"/>
            </a:pPr>
            <a:r>
              <a:rPr lang="en-US" sz="1800" dirty="0">
                <a:solidFill>
                  <a:srgbClr val="000000"/>
                </a:solidFill>
              </a:rPr>
              <a:t>Change in score on St George’s Respiratory Questionnaire (SGRQ) from baseline to week 8 </a:t>
            </a:r>
          </a:p>
          <a:p>
            <a:pPr rtl="0" fontAlgn="base">
              <a:spcBef>
                <a:spcPts val="0"/>
              </a:spcBef>
              <a:spcAft>
                <a:spcPts val="0"/>
              </a:spcAft>
              <a:buFont typeface="+mj-lt"/>
              <a:buAutoNum type="arabicPeriod"/>
            </a:pPr>
            <a:r>
              <a:rPr lang="en-US" sz="1800" dirty="0">
                <a:solidFill>
                  <a:srgbClr val="000000"/>
                </a:solidFill>
              </a:rPr>
              <a:t>Change in FEV1/FVC from baseline to week 8</a:t>
            </a:r>
          </a:p>
          <a:p>
            <a:pPr rtl="0" fontAlgn="base">
              <a:spcBef>
                <a:spcPts val="0"/>
              </a:spcBef>
              <a:spcAft>
                <a:spcPts val="0"/>
              </a:spcAft>
              <a:buFont typeface="+mj-lt"/>
              <a:buAutoNum type="arabicPeriod"/>
            </a:pPr>
            <a:r>
              <a:rPr lang="en-US" sz="1800" dirty="0">
                <a:solidFill>
                  <a:srgbClr val="000000"/>
                </a:solidFill>
              </a:rPr>
              <a:t>One of more Serious Adverse Events (SAEs) by week 24  </a:t>
            </a:r>
          </a:p>
          <a:p>
            <a:pPr marL="0" indent="0" fontAlgn="base">
              <a:spcAft>
                <a:spcPts val="0"/>
              </a:spcAft>
              <a:buNone/>
            </a:pPr>
            <a:br>
              <a:rPr lang="en-SG" dirty="0"/>
            </a:br>
            <a:endParaRPr lang="en-SG" dirty="0"/>
          </a:p>
        </p:txBody>
      </p:sp>
      <p:sp>
        <p:nvSpPr>
          <p:cNvPr id="5" name="Content Placeholder 4">
            <a:extLst>
              <a:ext uri="{FF2B5EF4-FFF2-40B4-BE49-F238E27FC236}">
                <a16:creationId xmlns:a16="http://schemas.microsoft.com/office/drawing/2014/main" id="{78DDE265-76CF-44BB-9C91-E21721E38ADE}"/>
              </a:ext>
            </a:extLst>
          </p:cNvPr>
          <p:cNvSpPr>
            <a:spLocks noGrp="1"/>
          </p:cNvSpPr>
          <p:nvPr>
            <p:ph sz="half" idx="2"/>
          </p:nvPr>
        </p:nvSpPr>
        <p:spPr/>
        <p:txBody>
          <a:bodyPr>
            <a:normAutofit fontScale="85000" lnSpcReduction="10000"/>
          </a:bodyPr>
          <a:lstStyle/>
          <a:p>
            <a:pPr marL="0" indent="0">
              <a:buNone/>
            </a:pPr>
            <a:r>
              <a:rPr lang="en-SG" dirty="0"/>
              <a:t>Imaging</a:t>
            </a:r>
          </a:p>
          <a:p>
            <a:pPr rtl="0" fontAlgn="base">
              <a:spcBef>
                <a:spcPts val="0"/>
              </a:spcBef>
              <a:spcAft>
                <a:spcPts val="0"/>
              </a:spcAft>
              <a:buFont typeface="+mj-lt"/>
              <a:buAutoNum type="arabicPeriod"/>
            </a:pPr>
            <a:r>
              <a:rPr lang="en-US" sz="1800" b="0" i="0" u="none" strike="noStrike" dirty="0">
                <a:solidFill>
                  <a:srgbClr val="000000"/>
                </a:solidFill>
                <a:effectLst/>
              </a:rPr>
              <a:t>Change in proportion of lung affected on CXR from baseline to week 8 </a:t>
            </a:r>
          </a:p>
          <a:p>
            <a:pPr rtl="0" fontAlgn="base">
              <a:spcBef>
                <a:spcPts val="0"/>
              </a:spcBef>
              <a:spcAft>
                <a:spcPts val="0"/>
              </a:spcAft>
              <a:buFont typeface="+mj-lt"/>
              <a:buAutoNum type="arabicPeriod"/>
            </a:pPr>
            <a:r>
              <a:rPr lang="en-US" sz="1800" b="0" i="0" u="none" strike="noStrike" dirty="0">
                <a:solidFill>
                  <a:srgbClr val="000000"/>
                </a:solidFill>
                <a:effectLst/>
              </a:rPr>
              <a:t>Change in the aggregate cavity size on CXR from baseline to week 8</a:t>
            </a:r>
          </a:p>
          <a:p>
            <a:pPr marL="0" indent="0" rtl="0" fontAlgn="base">
              <a:spcBef>
                <a:spcPts val="0"/>
              </a:spcBef>
              <a:spcAft>
                <a:spcPts val="0"/>
              </a:spcAft>
              <a:buNone/>
            </a:pPr>
            <a:endParaRPr lang="en-US" sz="1800" dirty="0">
              <a:solidFill>
                <a:srgbClr val="000000"/>
              </a:solidFill>
            </a:endParaRPr>
          </a:p>
          <a:p>
            <a:pPr marL="0" indent="0" rtl="0" fontAlgn="base">
              <a:spcBef>
                <a:spcPts val="0"/>
              </a:spcBef>
              <a:spcAft>
                <a:spcPts val="0"/>
              </a:spcAft>
              <a:buNone/>
            </a:pPr>
            <a:endParaRPr lang="en-US" sz="1800" b="0" i="0" u="none" strike="noStrike" dirty="0">
              <a:solidFill>
                <a:srgbClr val="000000"/>
              </a:solidFill>
              <a:effectLst/>
            </a:endParaRPr>
          </a:p>
          <a:p>
            <a:pPr marL="0" indent="0" rtl="0" fontAlgn="base">
              <a:spcBef>
                <a:spcPts val="0"/>
              </a:spcBef>
              <a:spcAft>
                <a:spcPts val="0"/>
              </a:spcAft>
              <a:buNone/>
            </a:pPr>
            <a:endParaRPr lang="en-US" sz="1800" dirty="0">
              <a:solidFill>
                <a:srgbClr val="000000"/>
              </a:solidFill>
            </a:endParaRPr>
          </a:p>
          <a:p>
            <a:pPr marL="0" indent="0" rtl="0" fontAlgn="base">
              <a:spcBef>
                <a:spcPts val="0"/>
              </a:spcBef>
              <a:spcAft>
                <a:spcPts val="0"/>
              </a:spcAft>
              <a:buNone/>
            </a:pPr>
            <a:endParaRPr lang="en-US" sz="1800" b="0" i="0" u="none" strike="noStrike" dirty="0">
              <a:solidFill>
                <a:srgbClr val="000000"/>
              </a:solidFill>
              <a:effectLst/>
            </a:endParaRPr>
          </a:p>
          <a:p>
            <a:pPr marL="0" indent="0" fontAlgn="base">
              <a:spcAft>
                <a:spcPts val="0"/>
              </a:spcAft>
              <a:buNone/>
            </a:pPr>
            <a:r>
              <a:rPr lang="en-US" dirty="0"/>
              <a:t>Exploratory</a:t>
            </a:r>
            <a:endParaRPr lang="en-US" b="1" dirty="0"/>
          </a:p>
          <a:p>
            <a:pPr lvl="0" fontAlgn="base">
              <a:spcBef>
                <a:spcPts val="0"/>
              </a:spcBef>
              <a:buFont typeface="+mj-lt"/>
              <a:buAutoNum type="arabicPeriod"/>
            </a:pPr>
            <a:r>
              <a:rPr lang="en-US" sz="1800" b="1" dirty="0">
                <a:solidFill>
                  <a:srgbClr val="000000"/>
                </a:solidFill>
              </a:rPr>
              <a:t>Change in molecular bacterial load (MBL) </a:t>
            </a:r>
            <a:r>
              <a:rPr lang="en-US" sz="1800" dirty="0">
                <a:solidFill>
                  <a:srgbClr val="000000"/>
                </a:solidFill>
              </a:rPr>
              <a:t>Change in bacterial transcriptomic profile</a:t>
            </a:r>
            <a:endParaRPr lang="en-SG" sz="1800" dirty="0">
              <a:solidFill>
                <a:srgbClr val="000000"/>
              </a:solidFill>
            </a:endParaRPr>
          </a:p>
          <a:p>
            <a:pPr lvl="0" fontAlgn="base">
              <a:spcBef>
                <a:spcPts val="0"/>
              </a:spcBef>
              <a:buFont typeface="+mj-lt"/>
              <a:buAutoNum type="arabicPeriod"/>
            </a:pPr>
            <a:r>
              <a:rPr lang="en-US" sz="1800" dirty="0">
                <a:solidFill>
                  <a:srgbClr val="000000"/>
                </a:solidFill>
              </a:rPr>
              <a:t>Change in host transcriptomic profile</a:t>
            </a:r>
            <a:endParaRPr lang="en-SG" sz="1800" dirty="0">
              <a:solidFill>
                <a:srgbClr val="000000"/>
              </a:solidFill>
            </a:endParaRPr>
          </a:p>
          <a:p>
            <a:pPr lvl="0" fontAlgn="base">
              <a:spcBef>
                <a:spcPts val="0"/>
              </a:spcBef>
              <a:buFont typeface="+mj-lt"/>
              <a:buAutoNum type="arabicPeriod"/>
            </a:pPr>
            <a:r>
              <a:rPr lang="en-US" sz="1800" dirty="0">
                <a:solidFill>
                  <a:srgbClr val="000000"/>
                </a:solidFill>
              </a:rPr>
              <a:t>Change in metabolomic profile </a:t>
            </a:r>
          </a:p>
          <a:p>
            <a:pPr lvl="0" fontAlgn="base">
              <a:spcBef>
                <a:spcPts val="0"/>
              </a:spcBef>
              <a:buFont typeface="+mj-lt"/>
              <a:buAutoNum type="arabicPeriod"/>
            </a:pPr>
            <a:r>
              <a:rPr lang="en-US" sz="1800" dirty="0">
                <a:solidFill>
                  <a:srgbClr val="000000"/>
                </a:solidFill>
              </a:rPr>
              <a:t>Change in cytokine profile</a:t>
            </a:r>
            <a:endParaRPr lang="en-US" dirty="0"/>
          </a:p>
          <a:p>
            <a:pPr rtl="0" fontAlgn="base">
              <a:spcBef>
                <a:spcPts val="0"/>
              </a:spcBef>
              <a:spcAft>
                <a:spcPts val="0"/>
              </a:spcAft>
              <a:buFont typeface="+mj-lt"/>
              <a:buAutoNum type="arabicPeriod"/>
            </a:pPr>
            <a:endParaRPr lang="en-US" sz="1800" dirty="0">
              <a:solidFill>
                <a:srgbClr val="000000"/>
              </a:solidFill>
              <a:latin typeface="Times New Roman" panose="02020603050405020304" pitchFamily="18" charset="0"/>
            </a:endParaRPr>
          </a:p>
          <a:p>
            <a:pPr marL="0" indent="0" rtl="0" fontAlgn="base">
              <a:spcBef>
                <a:spcPts val="0"/>
              </a:spcBef>
              <a:spcAft>
                <a:spcPts val="0"/>
              </a:spcAft>
              <a:buNone/>
            </a:pPr>
            <a:r>
              <a:rPr lang="en-US" sz="1800" b="0" i="0" u="none" strike="noStrike" dirty="0">
                <a:solidFill>
                  <a:srgbClr val="000000"/>
                </a:solidFill>
                <a:effectLst/>
                <a:latin typeface="Times New Roman" panose="02020603050405020304" pitchFamily="18" charset="0"/>
              </a:rPr>
              <a:t> </a:t>
            </a:r>
          </a:p>
          <a:p>
            <a:pPr marL="0" indent="0">
              <a:buNone/>
            </a:pPr>
            <a:endParaRPr lang="en-SG" dirty="0"/>
          </a:p>
        </p:txBody>
      </p:sp>
      <p:pic>
        <p:nvPicPr>
          <p:cNvPr id="6" name="Picture 5">
            <a:extLst>
              <a:ext uri="{FF2B5EF4-FFF2-40B4-BE49-F238E27FC236}">
                <a16:creationId xmlns:a16="http://schemas.microsoft.com/office/drawing/2014/main" id="{509186B1-06D6-42D5-AFFF-CF1B7ECFE3E6}"/>
              </a:ext>
            </a:extLst>
          </p:cNvPr>
          <p:cNvPicPr>
            <a:picLocks noChangeAspect="1"/>
          </p:cNvPicPr>
          <p:nvPr/>
        </p:nvPicPr>
        <p:blipFill>
          <a:blip r:embed="rId2"/>
          <a:stretch>
            <a:fillRect/>
          </a:stretch>
        </p:blipFill>
        <p:spPr>
          <a:xfrm>
            <a:off x="6759208" y="53581"/>
            <a:ext cx="2384791" cy="460127"/>
          </a:xfrm>
          <a:prstGeom prst="rect">
            <a:avLst/>
          </a:prstGeom>
        </p:spPr>
      </p:pic>
    </p:spTree>
    <p:extLst>
      <p:ext uri="{BB962C8B-B14F-4D97-AF65-F5344CB8AC3E}">
        <p14:creationId xmlns:p14="http://schemas.microsoft.com/office/powerpoint/2010/main" val="169516790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27A72E38-6E8C-4773-A13E-3C6F98E8C0D0}"/>
              </a:ext>
            </a:extLst>
          </p:cNvPr>
          <p:cNvSpPr>
            <a:spLocks noGrp="1"/>
          </p:cNvSpPr>
          <p:nvPr>
            <p:ph type="title"/>
          </p:nvPr>
        </p:nvSpPr>
        <p:spPr>
          <a:xfrm>
            <a:off x="628650" y="365126"/>
            <a:ext cx="7886700" cy="882649"/>
          </a:xfrm>
        </p:spPr>
        <p:txBody>
          <a:bodyPr/>
          <a:lstStyle/>
          <a:p>
            <a:r>
              <a:rPr lang="en-SG" dirty="0"/>
              <a:t>Molecular Bacterial Load</a:t>
            </a:r>
          </a:p>
        </p:txBody>
      </p:sp>
      <p:pic>
        <p:nvPicPr>
          <p:cNvPr id="8" name="Content Placeholder 7">
            <a:extLst>
              <a:ext uri="{FF2B5EF4-FFF2-40B4-BE49-F238E27FC236}">
                <a16:creationId xmlns:a16="http://schemas.microsoft.com/office/drawing/2014/main" id="{5AD2A64F-637E-4569-A630-12CBD706DB6E}"/>
              </a:ext>
            </a:extLst>
          </p:cNvPr>
          <p:cNvPicPr>
            <a:picLocks noGrp="1" noChangeAspect="1"/>
          </p:cNvPicPr>
          <p:nvPr>
            <p:ph idx="1"/>
          </p:nvPr>
        </p:nvPicPr>
        <p:blipFill>
          <a:blip r:embed="rId3"/>
          <a:stretch>
            <a:fillRect/>
          </a:stretch>
        </p:blipFill>
        <p:spPr>
          <a:xfrm>
            <a:off x="215929" y="1467363"/>
            <a:ext cx="6553839" cy="4642878"/>
          </a:xfrm>
        </p:spPr>
      </p:pic>
      <p:sp>
        <p:nvSpPr>
          <p:cNvPr id="9" name="TextBox 8">
            <a:extLst>
              <a:ext uri="{FF2B5EF4-FFF2-40B4-BE49-F238E27FC236}">
                <a16:creationId xmlns:a16="http://schemas.microsoft.com/office/drawing/2014/main" id="{548ADD0D-79B5-487D-B3FD-1803DE5574C7}"/>
              </a:ext>
            </a:extLst>
          </p:cNvPr>
          <p:cNvSpPr txBox="1"/>
          <p:nvPr/>
        </p:nvSpPr>
        <p:spPr>
          <a:xfrm>
            <a:off x="4572000" y="6329829"/>
            <a:ext cx="4572000" cy="523220"/>
          </a:xfrm>
          <a:prstGeom prst="rect">
            <a:avLst/>
          </a:prstGeom>
          <a:noFill/>
        </p:spPr>
        <p:txBody>
          <a:bodyPr wrap="square" rtlCol="0">
            <a:spAutoFit/>
          </a:bodyPr>
          <a:lstStyle/>
          <a:p>
            <a:r>
              <a:rPr lang="en-SG" sz="1400" dirty="0" err="1"/>
              <a:t>Honeyborne</a:t>
            </a:r>
            <a:r>
              <a:rPr lang="en-SG" sz="1400" dirty="0"/>
              <a:t> et al, </a:t>
            </a:r>
            <a:r>
              <a:rPr lang="en-SG" sz="1400" b="1" dirty="0"/>
              <a:t>The MBL assay replaces Solid cultures for measuring Early Bactericidal Response to ATT</a:t>
            </a:r>
            <a:r>
              <a:rPr lang="en-SG" sz="1400" dirty="0"/>
              <a:t>, JCM 2014</a:t>
            </a:r>
          </a:p>
        </p:txBody>
      </p:sp>
      <p:sp>
        <p:nvSpPr>
          <p:cNvPr id="11" name="TextBox 10">
            <a:extLst>
              <a:ext uri="{FF2B5EF4-FFF2-40B4-BE49-F238E27FC236}">
                <a16:creationId xmlns:a16="http://schemas.microsoft.com/office/drawing/2014/main" id="{6B6AE2B5-4AA8-4400-AD4B-4B69C8F7227A}"/>
              </a:ext>
            </a:extLst>
          </p:cNvPr>
          <p:cNvSpPr txBox="1"/>
          <p:nvPr/>
        </p:nvSpPr>
        <p:spPr>
          <a:xfrm>
            <a:off x="6702898" y="3161671"/>
            <a:ext cx="2225173" cy="923330"/>
          </a:xfrm>
          <a:prstGeom prst="rect">
            <a:avLst/>
          </a:prstGeom>
          <a:noFill/>
          <a:ln>
            <a:solidFill>
              <a:srgbClr val="FF0000"/>
            </a:solidFill>
          </a:ln>
        </p:spPr>
        <p:txBody>
          <a:bodyPr wrap="square" rtlCol="0">
            <a:spAutoFit/>
          </a:bodyPr>
          <a:lstStyle/>
          <a:p>
            <a:r>
              <a:rPr lang="en-SG" b="1" i="1" dirty="0">
                <a:solidFill>
                  <a:srgbClr val="002060"/>
                </a:solidFill>
              </a:rPr>
              <a:t>Does rosuvastatin achieves more rapid reduction in MBL? </a:t>
            </a:r>
          </a:p>
        </p:txBody>
      </p:sp>
      <p:pic>
        <p:nvPicPr>
          <p:cNvPr id="6" name="Picture 5">
            <a:extLst>
              <a:ext uri="{FF2B5EF4-FFF2-40B4-BE49-F238E27FC236}">
                <a16:creationId xmlns:a16="http://schemas.microsoft.com/office/drawing/2014/main" id="{20B4FEFC-6B95-4828-8433-AC82DFC13556}"/>
              </a:ext>
            </a:extLst>
          </p:cNvPr>
          <p:cNvPicPr>
            <a:picLocks noChangeAspect="1"/>
          </p:cNvPicPr>
          <p:nvPr/>
        </p:nvPicPr>
        <p:blipFill>
          <a:blip r:embed="rId4"/>
          <a:stretch>
            <a:fillRect/>
          </a:stretch>
        </p:blipFill>
        <p:spPr>
          <a:xfrm>
            <a:off x="7025460" y="53582"/>
            <a:ext cx="2118540" cy="408756"/>
          </a:xfrm>
          <a:prstGeom prst="rect">
            <a:avLst/>
          </a:prstGeom>
        </p:spPr>
      </p:pic>
    </p:spTree>
    <p:extLst>
      <p:ext uri="{BB962C8B-B14F-4D97-AF65-F5344CB8AC3E}">
        <p14:creationId xmlns:p14="http://schemas.microsoft.com/office/powerpoint/2010/main" val="415223071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8" name="Freeform: Shape 31">
            <a:extLst>
              <a:ext uri="{FF2B5EF4-FFF2-40B4-BE49-F238E27FC236}">
                <a16:creationId xmlns:a16="http://schemas.microsoft.com/office/drawing/2014/main" id="{E862BE82-D00D-42C1-BF16-93AA37870C3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4937085" y="-2008"/>
            <a:ext cx="4206915" cy="5840278"/>
          </a:xfrm>
          <a:custGeom>
            <a:avLst/>
            <a:gdLst>
              <a:gd name="connsiteX0" fmla="*/ 0 w 5609220"/>
              <a:gd name="connsiteY0" fmla="*/ 0 h 5840278"/>
              <a:gd name="connsiteX1" fmla="*/ 4637091 w 5609220"/>
              <a:gd name="connsiteY1" fmla="*/ 0 h 5840278"/>
              <a:gd name="connsiteX2" fmla="*/ 4822569 w 5609220"/>
              <a:gd name="connsiteY2" fmla="*/ 204077 h 5840278"/>
              <a:gd name="connsiteX3" fmla="*/ 5609220 w 5609220"/>
              <a:gd name="connsiteY3" fmla="*/ 2395363 h 5840278"/>
              <a:gd name="connsiteX4" fmla="*/ 2164305 w 5609220"/>
              <a:gd name="connsiteY4" fmla="*/ 5840278 h 5840278"/>
              <a:gd name="connsiteX5" fmla="*/ 238220 w 5609220"/>
              <a:gd name="connsiteY5" fmla="*/ 5251941 h 5840278"/>
              <a:gd name="connsiteX6" fmla="*/ 0 w 5609220"/>
              <a:gd name="connsiteY6" fmla="*/ 5073803 h 5840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609220" h="5840278">
                <a:moveTo>
                  <a:pt x="0" y="0"/>
                </a:moveTo>
                <a:lnTo>
                  <a:pt x="4637091" y="0"/>
                </a:lnTo>
                <a:lnTo>
                  <a:pt x="4822569" y="204077"/>
                </a:lnTo>
                <a:cubicBezTo>
                  <a:pt x="5314007" y="799562"/>
                  <a:pt x="5609220" y="1562987"/>
                  <a:pt x="5609220" y="2395363"/>
                </a:cubicBezTo>
                <a:cubicBezTo>
                  <a:pt x="5609220" y="4297937"/>
                  <a:pt x="4066879" y="5840278"/>
                  <a:pt x="2164305" y="5840278"/>
                </a:cubicBezTo>
                <a:cubicBezTo>
                  <a:pt x="1450840" y="5840278"/>
                  <a:pt x="788032" y="5623387"/>
                  <a:pt x="238220" y="5251941"/>
                </a:cubicBezTo>
                <a:lnTo>
                  <a:pt x="0" y="5073803"/>
                </a:lnTo>
                <a:close/>
              </a:path>
            </a:pathLst>
          </a:custGeom>
          <a:solidFill>
            <a:schemeClr val="bg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 name="Freeform: Shape 33">
            <a:extLst>
              <a:ext uri="{FF2B5EF4-FFF2-40B4-BE49-F238E27FC236}">
                <a16:creationId xmlns:a16="http://schemas.microsoft.com/office/drawing/2014/main" id="{F6D92C2D-1D3D-4974-918C-06579FB354A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5062605" y="-2"/>
            <a:ext cx="4081395" cy="5654940"/>
          </a:xfrm>
          <a:custGeom>
            <a:avLst/>
            <a:gdLst>
              <a:gd name="connsiteX0" fmla="*/ 0 w 5441859"/>
              <a:gd name="connsiteY0" fmla="*/ 0 h 5654940"/>
              <a:gd name="connsiteX1" fmla="*/ 4400492 w 5441859"/>
              <a:gd name="connsiteY1" fmla="*/ 0 h 5654940"/>
              <a:gd name="connsiteX2" fmla="*/ 4484767 w 5441859"/>
              <a:gd name="connsiteY2" fmla="*/ 76595 h 5654940"/>
              <a:gd name="connsiteX3" fmla="*/ 5441859 w 5441859"/>
              <a:gd name="connsiteY3" fmla="*/ 2387221 h 5654940"/>
              <a:gd name="connsiteX4" fmla="*/ 2174140 w 5441859"/>
              <a:gd name="connsiteY4" fmla="*/ 5654940 h 5654940"/>
              <a:gd name="connsiteX5" fmla="*/ 156693 w 5441859"/>
              <a:gd name="connsiteY5" fmla="*/ 4957981 h 5654940"/>
              <a:gd name="connsiteX6" fmla="*/ 0 w 5441859"/>
              <a:gd name="connsiteY6" fmla="*/ 4820612 h 56549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41859" h="5654940">
                <a:moveTo>
                  <a:pt x="0" y="0"/>
                </a:moveTo>
                <a:lnTo>
                  <a:pt x="4400492" y="0"/>
                </a:lnTo>
                <a:lnTo>
                  <a:pt x="4484767" y="76595"/>
                </a:lnTo>
                <a:cubicBezTo>
                  <a:pt x="5076108" y="667936"/>
                  <a:pt x="5441859" y="1484866"/>
                  <a:pt x="5441859" y="2387221"/>
                </a:cubicBezTo>
                <a:cubicBezTo>
                  <a:pt x="5441859" y="4191932"/>
                  <a:pt x="3978851" y="5654940"/>
                  <a:pt x="2174140" y="5654940"/>
                </a:cubicBezTo>
                <a:cubicBezTo>
                  <a:pt x="1412778" y="5654940"/>
                  <a:pt x="712231" y="5394557"/>
                  <a:pt x="156693" y="4957981"/>
                </a:cubicBezTo>
                <a:lnTo>
                  <a:pt x="0" y="4820612"/>
                </a:lnTo>
                <a:close/>
              </a:path>
            </a:pathLst>
          </a:cu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pic>
        <p:nvPicPr>
          <p:cNvPr id="4098" name="Picture 2">
            <a:extLst>
              <a:ext uri="{FF2B5EF4-FFF2-40B4-BE49-F238E27FC236}">
                <a16:creationId xmlns:a16="http://schemas.microsoft.com/office/drawing/2014/main" id="{A119FA47-ABF7-4731-8549-D0EE253C8E5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2008"/>
            <a:ext cx="9144000" cy="6851650"/>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02D7B579-0861-4717-B77A-3B9B14DE70B3}"/>
              </a:ext>
            </a:extLst>
          </p:cNvPr>
          <p:cNvSpPr txBox="1"/>
          <p:nvPr/>
        </p:nvSpPr>
        <p:spPr>
          <a:xfrm>
            <a:off x="2767263" y="6320589"/>
            <a:ext cx="6376737" cy="523220"/>
          </a:xfrm>
          <a:prstGeom prst="rect">
            <a:avLst/>
          </a:prstGeom>
          <a:noFill/>
        </p:spPr>
        <p:txBody>
          <a:bodyPr wrap="square" rtlCol="0">
            <a:spAutoFit/>
          </a:bodyPr>
          <a:lstStyle/>
          <a:p>
            <a:pPr algn="r"/>
            <a:r>
              <a:rPr lang="en-SG" sz="1400" b="1" dirty="0"/>
              <a:t>Children with TB sleep outside at Springfield House Open Air School in London 1932</a:t>
            </a:r>
          </a:p>
          <a:p>
            <a:pPr algn="r"/>
            <a:r>
              <a:rPr lang="en-SG" sz="1400" dirty="0"/>
              <a:t>Npr.org, Getty images</a:t>
            </a:r>
          </a:p>
        </p:txBody>
      </p:sp>
    </p:spTree>
    <p:extLst>
      <p:ext uri="{BB962C8B-B14F-4D97-AF65-F5344CB8AC3E}">
        <p14:creationId xmlns:p14="http://schemas.microsoft.com/office/powerpoint/2010/main" val="191268624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387F61-89C7-4750-BCB2-93C68DA8B145}"/>
              </a:ext>
            </a:extLst>
          </p:cNvPr>
          <p:cNvSpPr>
            <a:spLocks noGrp="1"/>
          </p:cNvSpPr>
          <p:nvPr>
            <p:ph type="title"/>
          </p:nvPr>
        </p:nvSpPr>
        <p:spPr/>
        <p:txBody>
          <a:bodyPr>
            <a:normAutofit fontScale="90000"/>
          </a:bodyPr>
          <a:lstStyle/>
          <a:p>
            <a:r>
              <a:rPr lang="en-SG" sz="2800" b="1" dirty="0">
                <a:solidFill>
                  <a:srgbClr val="002060"/>
                </a:solidFill>
              </a:rPr>
              <a:t>Biomarker Sub-study</a:t>
            </a:r>
            <a:br>
              <a:rPr lang="en-SG" dirty="0"/>
            </a:br>
            <a:r>
              <a:rPr lang="en-SG" dirty="0"/>
              <a:t>1. Blood Metabolomics</a:t>
            </a:r>
            <a:br>
              <a:rPr lang="en-SG" dirty="0"/>
            </a:br>
            <a:r>
              <a:rPr lang="en-SG" dirty="0"/>
              <a:t>2. Plasma Cytokine</a:t>
            </a:r>
          </a:p>
        </p:txBody>
      </p:sp>
      <p:sp>
        <p:nvSpPr>
          <p:cNvPr id="3" name="Content Placeholder 2">
            <a:extLst>
              <a:ext uri="{FF2B5EF4-FFF2-40B4-BE49-F238E27FC236}">
                <a16:creationId xmlns:a16="http://schemas.microsoft.com/office/drawing/2014/main" id="{2C8B8316-888B-44B5-A67A-2E1B75B4BBCE}"/>
              </a:ext>
            </a:extLst>
          </p:cNvPr>
          <p:cNvSpPr>
            <a:spLocks noGrp="1"/>
          </p:cNvSpPr>
          <p:nvPr>
            <p:ph idx="1"/>
          </p:nvPr>
        </p:nvSpPr>
        <p:spPr>
          <a:xfrm>
            <a:off x="4800600" y="4349783"/>
            <a:ext cx="4174248" cy="1800339"/>
          </a:xfrm>
        </p:spPr>
        <p:txBody>
          <a:bodyPr>
            <a:normAutofit/>
          </a:bodyPr>
          <a:lstStyle/>
          <a:p>
            <a:pPr marL="0" indent="0">
              <a:buNone/>
            </a:pPr>
            <a:r>
              <a:rPr lang="en-SG" sz="2400" dirty="0"/>
              <a:t>Metabolomics can discriminate between those who achieved SCC by W8 Vs those who remained culture positive in another HDT RCT. </a:t>
            </a:r>
          </a:p>
        </p:txBody>
      </p:sp>
      <p:sp>
        <p:nvSpPr>
          <p:cNvPr id="4" name="TextBox 3">
            <a:extLst>
              <a:ext uri="{FF2B5EF4-FFF2-40B4-BE49-F238E27FC236}">
                <a16:creationId xmlns:a16="http://schemas.microsoft.com/office/drawing/2014/main" id="{FAF063F5-6C7D-4F70-B413-C2947381A9F2}"/>
              </a:ext>
            </a:extLst>
          </p:cNvPr>
          <p:cNvSpPr txBox="1"/>
          <p:nvPr/>
        </p:nvSpPr>
        <p:spPr>
          <a:xfrm>
            <a:off x="4800600" y="6042450"/>
            <a:ext cx="4343400" cy="738664"/>
          </a:xfrm>
          <a:prstGeom prst="rect">
            <a:avLst/>
          </a:prstGeom>
          <a:noFill/>
        </p:spPr>
        <p:txBody>
          <a:bodyPr wrap="square" rtlCol="0">
            <a:spAutoFit/>
          </a:bodyPr>
          <a:lstStyle/>
          <a:p>
            <a:r>
              <a:rPr lang="en-SG" sz="1400" dirty="0"/>
              <a:t>Chong et al. </a:t>
            </a:r>
            <a:r>
              <a:rPr lang="en-SG" sz="1400" b="1" dirty="0"/>
              <a:t>Use of plasma metabolomics at diagnosis to identify metabolic pathways associated with pulmonary tuberculosis (TB) clearance: A pilot study</a:t>
            </a:r>
            <a:r>
              <a:rPr lang="en-SG" sz="1400" dirty="0"/>
              <a:t>. FASEB 2016</a:t>
            </a:r>
          </a:p>
        </p:txBody>
      </p:sp>
      <p:sp>
        <p:nvSpPr>
          <p:cNvPr id="5" name="TextBox 4">
            <a:extLst>
              <a:ext uri="{FF2B5EF4-FFF2-40B4-BE49-F238E27FC236}">
                <a16:creationId xmlns:a16="http://schemas.microsoft.com/office/drawing/2014/main" id="{37B90192-9B33-49F8-9FD2-A9007B8D9B74}"/>
              </a:ext>
            </a:extLst>
          </p:cNvPr>
          <p:cNvSpPr txBox="1"/>
          <p:nvPr/>
        </p:nvSpPr>
        <p:spPr>
          <a:xfrm>
            <a:off x="4572000" y="2420071"/>
            <a:ext cx="4174248" cy="1200329"/>
          </a:xfrm>
          <a:prstGeom prst="rect">
            <a:avLst/>
          </a:prstGeom>
          <a:noFill/>
          <a:ln>
            <a:solidFill>
              <a:srgbClr val="FF0000"/>
            </a:solidFill>
          </a:ln>
        </p:spPr>
        <p:txBody>
          <a:bodyPr wrap="square" rtlCol="0">
            <a:spAutoFit/>
          </a:bodyPr>
          <a:lstStyle/>
          <a:p>
            <a:r>
              <a:rPr lang="en-SG" b="1" i="1" dirty="0">
                <a:solidFill>
                  <a:srgbClr val="002060"/>
                </a:solidFill>
              </a:rPr>
              <a:t>Can we use metabolomics and plasma cytokine to demonstrate mechanistically the host immune pathways impacted by rosuvastatin in the treatment of TB?</a:t>
            </a:r>
          </a:p>
        </p:txBody>
      </p:sp>
      <p:pic>
        <p:nvPicPr>
          <p:cNvPr id="6" name="Picture 5">
            <a:extLst>
              <a:ext uri="{FF2B5EF4-FFF2-40B4-BE49-F238E27FC236}">
                <a16:creationId xmlns:a16="http://schemas.microsoft.com/office/drawing/2014/main" id="{33935987-4811-4F6D-882B-F4A003888EB9}"/>
              </a:ext>
            </a:extLst>
          </p:cNvPr>
          <p:cNvPicPr>
            <a:picLocks noChangeAspect="1"/>
          </p:cNvPicPr>
          <p:nvPr/>
        </p:nvPicPr>
        <p:blipFill>
          <a:blip r:embed="rId3"/>
          <a:stretch>
            <a:fillRect/>
          </a:stretch>
        </p:blipFill>
        <p:spPr>
          <a:xfrm>
            <a:off x="516993" y="1750344"/>
            <a:ext cx="3454933" cy="3499609"/>
          </a:xfrm>
          <a:prstGeom prst="rect">
            <a:avLst/>
          </a:prstGeom>
        </p:spPr>
      </p:pic>
      <p:sp>
        <p:nvSpPr>
          <p:cNvPr id="7" name="TextBox 6">
            <a:extLst>
              <a:ext uri="{FF2B5EF4-FFF2-40B4-BE49-F238E27FC236}">
                <a16:creationId xmlns:a16="http://schemas.microsoft.com/office/drawing/2014/main" id="{B90BFA4A-8917-46A5-B5A4-E886B7BB745C}"/>
              </a:ext>
            </a:extLst>
          </p:cNvPr>
          <p:cNvSpPr txBox="1"/>
          <p:nvPr/>
        </p:nvSpPr>
        <p:spPr>
          <a:xfrm>
            <a:off x="388018" y="5457675"/>
            <a:ext cx="3141327" cy="954107"/>
          </a:xfrm>
          <a:prstGeom prst="rect">
            <a:avLst/>
          </a:prstGeom>
          <a:noFill/>
        </p:spPr>
        <p:txBody>
          <a:bodyPr wrap="square" rtlCol="0">
            <a:spAutoFit/>
          </a:bodyPr>
          <a:lstStyle/>
          <a:p>
            <a:r>
              <a:rPr lang="en-US" sz="1400" dirty="0" err="1"/>
              <a:t>Vrieling</a:t>
            </a:r>
            <a:r>
              <a:rPr lang="en-US" sz="1400" dirty="0"/>
              <a:t> et al. </a:t>
            </a:r>
            <a:r>
              <a:rPr lang="en-US" sz="1400" b="1" dirty="0"/>
              <a:t>Patients with concurrent TB and DM have a pro-</a:t>
            </a:r>
            <a:r>
              <a:rPr lang="en-US" sz="1400" b="1" dirty="0" err="1"/>
              <a:t>therogenic</a:t>
            </a:r>
            <a:r>
              <a:rPr lang="en-US" sz="1400" b="1" dirty="0"/>
              <a:t> Plasma Lipid Profile</a:t>
            </a:r>
            <a:r>
              <a:rPr lang="en-US" sz="1400" dirty="0"/>
              <a:t>, </a:t>
            </a:r>
            <a:r>
              <a:rPr lang="en-US" sz="1400" dirty="0" err="1"/>
              <a:t>EBioMedicine</a:t>
            </a:r>
            <a:r>
              <a:rPr lang="en-US" sz="1400" dirty="0"/>
              <a:t>,  2018</a:t>
            </a:r>
          </a:p>
        </p:txBody>
      </p:sp>
      <p:pic>
        <p:nvPicPr>
          <p:cNvPr id="8" name="Picture 7">
            <a:extLst>
              <a:ext uri="{FF2B5EF4-FFF2-40B4-BE49-F238E27FC236}">
                <a16:creationId xmlns:a16="http://schemas.microsoft.com/office/drawing/2014/main" id="{AD1B9671-14A5-43FA-8D12-318475843CAD}"/>
              </a:ext>
            </a:extLst>
          </p:cNvPr>
          <p:cNvPicPr>
            <a:picLocks noChangeAspect="1"/>
          </p:cNvPicPr>
          <p:nvPr/>
        </p:nvPicPr>
        <p:blipFill>
          <a:blip r:embed="rId4"/>
          <a:stretch>
            <a:fillRect/>
          </a:stretch>
        </p:blipFill>
        <p:spPr>
          <a:xfrm>
            <a:off x="6972210" y="53582"/>
            <a:ext cx="2171789" cy="419030"/>
          </a:xfrm>
          <a:prstGeom prst="rect">
            <a:avLst/>
          </a:prstGeom>
        </p:spPr>
      </p:pic>
    </p:spTree>
    <p:extLst>
      <p:ext uri="{BB962C8B-B14F-4D97-AF65-F5344CB8AC3E}">
        <p14:creationId xmlns:p14="http://schemas.microsoft.com/office/powerpoint/2010/main" val="3735396709"/>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A7FA5B-5555-48D2-BB81-DE759990A32B}"/>
              </a:ext>
            </a:extLst>
          </p:cNvPr>
          <p:cNvSpPr>
            <a:spLocks noGrp="1"/>
          </p:cNvSpPr>
          <p:nvPr>
            <p:ph type="title"/>
          </p:nvPr>
        </p:nvSpPr>
        <p:spPr/>
        <p:txBody>
          <a:bodyPr>
            <a:normAutofit/>
          </a:bodyPr>
          <a:lstStyle/>
          <a:p>
            <a:r>
              <a:rPr lang="en-SG" sz="2800" b="1" dirty="0">
                <a:solidFill>
                  <a:srgbClr val="002060"/>
                </a:solidFill>
              </a:rPr>
              <a:t>Biomarker Sub-study</a:t>
            </a:r>
            <a:br>
              <a:rPr lang="en-SG" dirty="0"/>
            </a:br>
            <a:r>
              <a:rPr lang="en-SG" dirty="0"/>
              <a:t>3. Whole Blood Transcriptomics</a:t>
            </a:r>
          </a:p>
        </p:txBody>
      </p:sp>
      <p:sp>
        <p:nvSpPr>
          <p:cNvPr id="5" name="TextBox 4">
            <a:extLst>
              <a:ext uri="{FF2B5EF4-FFF2-40B4-BE49-F238E27FC236}">
                <a16:creationId xmlns:a16="http://schemas.microsoft.com/office/drawing/2014/main" id="{527BDB3B-76BE-44C4-86A5-8CBFA1162BE0}"/>
              </a:ext>
            </a:extLst>
          </p:cNvPr>
          <p:cNvSpPr txBox="1"/>
          <p:nvPr/>
        </p:nvSpPr>
        <p:spPr>
          <a:xfrm>
            <a:off x="6115050" y="5802246"/>
            <a:ext cx="3028950" cy="954107"/>
          </a:xfrm>
          <a:prstGeom prst="rect">
            <a:avLst/>
          </a:prstGeom>
          <a:noFill/>
        </p:spPr>
        <p:txBody>
          <a:bodyPr wrap="square" rtlCol="0">
            <a:spAutoFit/>
          </a:bodyPr>
          <a:lstStyle/>
          <a:p>
            <a:r>
              <a:rPr lang="en-SG" sz="1400" dirty="0"/>
              <a:t>Penn-Nicholson et al, </a:t>
            </a:r>
            <a:r>
              <a:rPr lang="en-SG" sz="1400" b="1" dirty="0"/>
              <a:t>RISK6, a 6-gene transcriptomic signature of TB disease risk, diagnosis and treatment response</a:t>
            </a:r>
            <a:r>
              <a:rPr lang="en-SG" sz="1400" dirty="0"/>
              <a:t>, Scientific Reports, 2020</a:t>
            </a:r>
          </a:p>
        </p:txBody>
      </p:sp>
      <p:pic>
        <p:nvPicPr>
          <p:cNvPr id="13" name="Content Placeholder 12">
            <a:extLst>
              <a:ext uri="{FF2B5EF4-FFF2-40B4-BE49-F238E27FC236}">
                <a16:creationId xmlns:a16="http://schemas.microsoft.com/office/drawing/2014/main" id="{85CF9062-F7A6-4463-AFF9-184557D42A3A}"/>
              </a:ext>
            </a:extLst>
          </p:cNvPr>
          <p:cNvPicPr>
            <a:picLocks noGrp="1" noChangeAspect="1"/>
          </p:cNvPicPr>
          <p:nvPr>
            <p:ph idx="1"/>
          </p:nvPr>
        </p:nvPicPr>
        <p:blipFill rotWithShape="1">
          <a:blip r:embed="rId3"/>
          <a:srcRect l="50475" b="48454"/>
          <a:stretch/>
        </p:blipFill>
        <p:spPr>
          <a:xfrm>
            <a:off x="628650" y="1690689"/>
            <a:ext cx="4629150" cy="4979222"/>
          </a:xfrm>
        </p:spPr>
      </p:pic>
      <p:sp>
        <p:nvSpPr>
          <p:cNvPr id="14" name="TextBox 13">
            <a:extLst>
              <a:ext uri="{FF2B5EF4-FFF2-40B4-BE49-F238E27FC236}">
                <a16:creationId xmlns:a16="http://schemas.microsoft.com/office/drawing/2014/main" id="{8C3233D1-748D-40AB-9408-D4B7C3A86CFB}"/>
              </a:ext>
            </a:extLst>
          </p:cNvPr>
          <p:cNvSpPr txBox="1"/>
          <p:nvPr/>
        </p:nvSpPr>
        <p:spPr>
          <a:xfrm>
            <a:off x="5724525" y="2857010"/>
            <a:ext cx="3127375" cy="1200329"/>
          </a:xfrm>
          <a:prstGeom prst="rect">
            <a:avLst/>
          </a:prstGeom>
          <a:noFill/>
          <a:ln>
            <a:solidFill>
              <a:srgbClr val="FF0000"/>
            </a:solidFill>
          </a:ln>
        </p:spPr>
        <p:txBody>
          <a:bodyPr wrap="square" rtlCol="0">
            <a:spAutoFit/>
          </a:bodyPr>
          <a:lstStyle/>
          <a:p>
            <a:r>
              <a:rPr lang="en-SG" b="1" i="1" dirty="0">
                <a:solidFill>
                  <a:srgbClr val="002060"/>
                </a:solidFill>
              </a:rPr>
              <a:t>Can a transcriptomic signature be able to predict for the treatment shortening efficacy of rosuvastatin? </a:t>
            </a:r>
          </a:p>
        </p:txBody>
      </p:sp>
      <p:pic>
        <p:nvPicPr>
          <p:cNvPr id="6" name="Picture 5">
            <a:extLst>
              <a:ext uri="{FF2B5EF4-FFF2-40B4-BE49-F238E27FC236}">
                <a16:creationId xmlns:a16="http://schemas.microsoft.com/office/drawing/2014/main" id="{20E76237-835E-463E-99BF-9B7B0F2F1BF2}"/>
              </a:ext>
            </a:extLst>
          </p:cNvPr>
          <p:cNvPicPr>
            <a:picLocks noChangeAspect="1"/>
          </p:cNvPicPr>
          <p:nvPr/>
        </p:nvPicPr>
        <p:blipFill>
          <a:blip r:embed="rId4"/>
          <a:stretch>
            <a:fillRect/>
          </a:stretch>
        </p:blipFill>
        <p:spPr>
          <a:xfrm>
            <a:off x="7109716" y="53581"/>
            <a:ext cx="2034283" cy="392499"/>
          </a:xfrm>
          <a:prstGeom prst="rect">
            <a:avLst/>
          </a:prstGeom>
        </p:spPr>
      </p:pic>
    </p:spTree>
    <p:extLst>
      <p:ext uri="{BB962C8B-B14F-4D97-AF65-F5344CB8AC3E}">
        <p14:creationId xmlns:p14="http://schemas.microsoft.com/office/powerpoint/2010/main" val="388548557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4990CF-FAE8-45BC-91FA-8042D1DED304}"/>
              </a:ext>
            </a:extLst>
          </p:cNvPr>
          <p:cNvSpPr>
            <a:spLocks noGrp="1"/>
          </p:cNvSpPr>
          <p:nvPr>
            <p:ph type="title"/>
          </p:nvPr>
        </p:nvSpPr>
        <p:spPr>
          <a:xfrm>
            <a:off x="695325" y="200597"/>
            <a:ext cx="7886700" cy="1006474"/>
          </a:xfrm>
        </p:spPr>
        <p:txBody>
          <a:bodyPr>
            <a:normAutofit fontScale="90000"/>
          </a:bodyPr>
          <a:lstStyle/>
          <a:p>
            <a:r>
              <a:rPr lang="en-SG" sz="2800" b="1" dirty="0">
                <a:solidFill>
                  <a:srgbClr val="002060"/>
                </a:solidFill>
              </a:rPr>
              <a:t>Biomarker Sub-study</a:t>
            </a:r>
            <a:br>
              <a:rPr lang="en-SG" dirty="0"/>
            </a:br>
            <a:r>
              <a:rPr lang="en-SG" dirty="0"/>
              <a:t>4. Bacterial transcriptome in sputum</a:t>
            </a:r>
          </a:p>
        </p:txBody>
      </p:sp>
      <p:pic>
        <p:nvPicPr>
          <p:cNvPr id="7" name="Content Placeholder 6">
            <a:extLst>
              <a:ext uri="{FF2B5EF4-FFF2-40B4-BE49-F238E27FC236}">
                <a16:creationId xmlns:a16="http://schemas.microsoft.com/office/drawing/2014/main" id="{4CF88203-368D-49B8-B92B-B7184886BFAA}"/>
              </a:ext>
            </a:extLst>
          </p:cNvPr>
          <p:cNvPicPr>
            <a:picLocks noGrp="1" noChangeAspect="1"/>
          </p:cNvPicPr>
          <p:nvPr>
            <p:ph idx="1"/>
          </p:nvPr>
        </p:nvPicPr>
        <p:blipFill>
          <a:blip r:embed="rId3"/>
          <a:stretch>
            <a:fillRect/>
          </a:stretch>
        </p:blipFill>
        <p:spPr>
          <a:xfrm>
            <a:off x="695325" y="1207071"/>
            <a:ext cx="2895600" cy="5556218"/>
          </a:xfrm>
        </p:spPr>
      </p:pic>
      <p:sp>
        <p:nvSpPr>
          <p:cNvPr id="8" name="TextBox 7">
            <a:extLst>
              <a:ext uri="{FF2B5EF4-FFF2-40B4-BE49-F238E27FC236}">
                <a16:creationId xmlns:a16="http://schemas.microsoft.com/office/drawing/2014/main" id="{8B51729F-98B5-4D56-930D-D6037E52EE11}"/>
              </a:ext>
            </a:extLst>
          </p:cNvPr>
          <p:cNvSpPr txBox="1"/>
          <p:nvPr/>
        </p:nvSpPr>
        <p:spPr>
          <a:xfrm>
            <a:off x="4857750" y="4233748"/>
            <a:ext cx="3724275" cy="1477328"/>
          </a:xfrm>
          <a:prstGeom prst="rect">
            <a:avLst/>
          </a:prstGeom>
          <a:noFill/>
          <a:ln>
            <a:solidFill>
              <a:srgbClr val="FF0000"/>
            </a:solidFill>
          </a:ln>
        </p:spPr>
        <p:txBody>
          <a:bodyPr wrap="square" rtlCol="0">
            <a:spAutoFit/>
          </a:bodyPr>
          <a:lstStyle/>
          <a:p>
            <a:r>
              <a:rPr lang="en-SG" b="1" i="1" dirty="0">
                <a:solidFill>
                  <a:srgbClr val="002060"/>
                </a:solidFill>
              </a:rPr>
              <a:t>Can the bacterial transcriptome demonstrate mechanistically the bacterial metabolic pathways impacted by rosuvastatin in the treatment of TB?</a:t>
            </a:r>
          </a:p>
        </p:txBody>
      </p:sp>
      <p:sp>
        <p:nvSpPr>
          <p:cNvPr id="9" name="TextBox 8">
            <a:extLst>
              <a:ext uri="{FF2B5EF4-FFF2-40B4-BE49-F238E27FC236}">
                <a16:creationId xmlns:a16="http://schemas.microsoft.com/office/drawing/2014/main" id="{B061F142-03A6-4B85-903B-B7896D93FA07}"/>
              </a:ext>
            </a:extLst>
          </p:cNvPr>
          <p:cNvSpPr txBox="1"/>
          <p:nvPr/>
        </p:nvSpPr>
        <p:spPr>
          <a:xfrm>
            <a:off x="4038601" y="6240068"/>
            <a:ext cx="5105400" cy="523220"/>
          </a:xfrm>
          <a:prstGeom prst="rect">
            <a:avLst/>
          </a:prstGeom>
          <a:noFill/>
        </p:spPr>
        <p:txBody>
          <a:bodyPr wrap="square" rtlCol="0">
            <a:spAutoFit/>
          </a:bodyPr>
          <a:lstStyle/>
          <a:p>
            <a:pPr algn="l"/>
            <a:r>
              <a:rPr lang="en-SG" sz="1400" dirty="0"/>
              <a:t>Walter et al, </a:t>
            </a:r>
            <a:r>
              <a:rPr lang="en-SG" sz="1400" b="1" i="0" u="none" strike="noStrike" baseline="0" dirty="0">
                <a:latin typeface="AdvOT1ef757c0"/>
              </a:rPr>
              <a:t>Transcriptional Adaptation of Drug-tolerant </a:t>
            </a:r>
            <a:r>
              <a:rPr lang="en-US" sz="1400" b="1" i="0" u="none" strike="noStrike" baseline="0" dirty="0" err="1">
                <a:latin typeface="AdvOT7d6df7ab.I"/>
              </a:rPr>
              <a:t>Mtb</a:t>
            </a:r>
            <a:r>
              <a:rPr lang="en-US" sz="1400" b="1" i="0" u="none" strike="noStrike" baseline="0" dirty="0">
                <a:latin typeface="AdvOT7d6df7ab.I"/>
              </a:rPr>
              <a:t> </a:t>
            </a:r>
            <a:r>
              <a:rPr lang="en-US" sz="1400" b="1" i="0" u="none" strike="noStrike" baseline="0" dirty="0">
                <a:latin typeface="AdvOT1ef757c0"/>
              </a:rPr>
              <a:t>During Treatment of T</a:t>
            </a:r>
            <a:r>
              <a:rPr lang="en-US" sz="1400" b="0" i="0" u="none" strike="noStrike" baseline="0" dirty="0">
                <a:latin typeface="AdvOT1ef757c0"/>
              </a:rPr>
              <a:t>B, JID 2015</a:t>
            </a:r>
            <a:endParaRPr lang="en-SG" sz="1400" dirty="0"/>
          </a:p>
        </p:txBody>
      </p:sp>
      <p:pic>
        <p:nvPicPr>
          <p:cNvPr id="10" name="Picture 9">
            <a:extLst>
              <a:ext uri="{FF2B5EF4-FFF2-40B4-BE49-F238E27FC236}">
                <a16:creationId xmlns:a16="http://schemas.microsoft.com/office/drawing/2014/main" id="{3CFFC663-8F8D-4E4C-B527-5F142F549357}"/>
              </a:ext>
            </a:extLst>
          </p:cNvPr>
          <p:cNvPicPr>
            <a:picLocks noChangeAspect="1"/>
          </p:cNvPicPr>
          <p:nvPr/>
        </p:nvPicPr>
        <p:blipFill>
          <a:blip r:embed="rId4"/>
          <a:stretch>
            <a:fillRect/>
          </a:stretch>
        </p:blipFill>
        <p:spPr>
          <a:xfrm>
            <a:off x="6865706" y="53581"/>
            <a:ext cx="2278293" cy="439579"/>
          </a:xfrm>
          <a:prstGeom prst="rect">
            <a:avLst/>
          </a:prstGeom>
        </p:spPr>
      </p:pic>
    </p:spTree>
    <p:extLst>
      <p:ext uri="{BB962C8B-B14F-4D97-AF65-F5344CB8AC3E}">
        <p14:creationId xmlns:p14="http://schemas.microsoft.com/office/powerpoint/2010/main" val="330314156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9F0C33-F9DD-4867-85B8-0DFA45EEC682}"/>
              </a:ext>
            </a:extLst>
          </p:cNvPr>
          <p:cNvSpPr>
            <a:spLocks noGrp="1"/>
          </p:cNvSpPr>
          <p:nvPr>
            <p:ph type="title"/>
          </p:nvPr>
        </p:nvSpPr>
        <p:spPr/>
        <p:txBody>
          <a:bodyPr/>
          <a:lstStyle/>
          <a:p>
            <a:r>
              <a:rPr lang="en-SG" sz="2800" b="1" dirty="0">
                <a:solidFill>
                  <a:srgbClr val="002060"/>
                </a:solidFill>
              </a:rPr>
              <a:t>Biomarker Sub-study</a:t>
            </a:r>
            <a:br>
              <a:rPr lang="en-SG" dirty="0"/>
            </a:br>
            <a:r>
              <a:rPr lang="en-SG" dirty="0"/>
              <a:t>5. PET-CT</a:t>
            </a:r>
          </a:p>
        </p:txBody>
      </p:sp>
      <p:pic>
        <p:nvPicPr>
          <p:cNvPr id="6" name="Content Placeholder 5">
            <a:extLst>
              <a:ext uri="{FF2B5EF4-FFF2-40B4-BE49-F238E27FC236}">
                <a16:creationId xmlns:a16="http://schemas.microsoft.com/office/drawing/2014/main" id="{AFBBC6DC-F2B2-466D-B5A2-3F50713406C4}"/>
              </a:ext>
            </a:extLst>
          </p:cNvPr>
          <p:cNvPicPr>
            <a:picLocks noGrp="1" noChangeAspect="1"/>
          </p:cNvPicPr>
          <p:nvPr>
            <p:ph sz="half" idx="2"/>
          </p:nvPr>
        </p:nvPicPr>
        <p:blipFill rotWithShape="1">
          <a:blip r:embed="rId3"/>
          <a:srcRect l="8334" t="13783" r="46960" b="7354"/>
          <a:stretch/>
        </p:blipFill>
        <p:spPr>
          <a:xfrm>
            <a:off x="4861560" y="1912219"/>
            <a:ext cx="4045310" cy="3810000"/>
          </a:xfrm>
          <a:prstGeom prst="rect">
            <a:avLst/>
          </a:prstGeom>
        </p:spPr>
      </p:pic>
      <p:sp>
        <p:nvSpPr>
          <p:cNvPr id="7" name="Content Placeholder 6">
            <a:extLst>
              <a:ext uri="{FF2B5EF4-FFF2-40B4-BE49-F238E27FC236}">
                <a16:creationId xmlns:a16="http://schemas.microsoft.com/office/drawing/2014/main" id="{2C71919F-EC38-4705-9B0E-8CC9FF5169AA}"/>
              </a:ext>
            </a:extLst>
          </p:cNvPr>
          <p:cNvSpPr>
            <a:spLocks noGrp="1"/>
          </p:cNvSpPr>
          <p:nvPr>
            <p:ph sz="half" idx="1"/>
          </p:nvPr>
        </p:nvSpPr>
        <p:spPr/>
        <p:txBody>
          <a:bodyPr/>
          <a:lstStyle/>
          <a:p>
            <a:r>
              <a:rPr lang="en-SG" dirty="0"/>
              <a:t>n=25</a:t>
            </a:r>
          </a:p>
          <a:p>
            <a:r>
              <a:rPr lang="en-SG" dirty="0"/>
              <a:t>Week 8 Vs Baseline</a:t>
            </a:r>
          </a:p>
          <a:p>
            <a:r>
              <a:rPr lang="en-SG" dirty="0"/>
              <a:t>18F-G FDG</a:t>
            </a:r>
          </a:p>
          <a:p>
            <a:r>
              <a:rPr lang="en-SG" dirty="0"/>
              <a:t>Measure </a:t>
            </a:r>
            <a:r>
              <a:rPr lang="en-SG" b="1" dirty="0"/>
              <a:t>Total Lesion Glycolysis (TLG)</a:t>
            </a:r>
          </a:p>
          <a:p>
            <a:r>
              <a:rPr lang="en-SG" dirty="0"/>
              <a:t>TLG = </a:t>
            </a:r>
            <a:r>
              <a:rPr lang="en-SG" dirty="0" err="1"/>
              <a:t>SUV</a:t>
            </a:r>
            <a:r>
              <a:rPr lang="en-SG" baseline="-25000" dirty="0" err="1"/>
              <a:t>mean</a:t>
            </a:r>
            <a:r>
              <a:rPr lang="en-SG" dirty="0"/>
              <a:t> X volume of the region of Interest with metabolic uptake</a:t>
            </a:r>
          </a:p>
          <a:p>
            <a:endParaRPr lang="en-SG" dirty="0"/>
          </a:p>
        </p:txBody>
      </p:sp>
    </p:spTree>
    <p:extLst>
      <p:ext uri="{BB962C8B-B14F-4D97-AF65-F5344CB8AC3E}">
        <p14:creationId xmlns:p14="http://schemas.microsoft.com/office/powerpoint/2010/main" val="149303425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OTLSHAPE_SL_4aae7934cdcc4eb2879ed09dc77663c1_BackgroundRectangle">
            <a:extLst>
              <a:ext uri="{FF2B5EF4-FFF2-40B4-BE49-F238E27FC236}">
                <a16:creationId xmlns:a16="http://schemas.microsoft.com/office/drawing/2014/main" id="{7E547271-6357-4AB0-B78B-E2C8F0EE39BB}"/>
              </a:ext>
            </a:extLst>
          </p:cNvPr>
          <p:cNvSpPr/>
          <p:nvPr>
            <p:custDataLst>
              <p:tags r:id="rId2"/>
            </p:custDataLst>
          </p:nvPr>
        </p:nvSpPr>
        <p:spPr>
          <a:xfrm>
            <a:off x="63500" y="1865583"/>
            <a:ext cx="8242300" cy="663956"/>
          </a:xfrm>
          <a:prstGeom prst="rect">
            <a:avLst/>
          </a:prstGeom>
          <a:solidFill>
            <a:schemeClr val="dk2">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45" name="OTLSHAPE_SL_31e8f008a48844709c8200bee4c893e4_BackgroundRectangle">
            <a:extLst>
              <a:ext uri="{FF2B5EF4-FFF2-40B4-BE49-F238E27FC236}">
                <a16:creationId xmlns:a16="http://schemas.microsoft.com/office/drawing/2014/main" id="{3E12F519-392F-447D-91B3-61E0DA99B296}"/>
              </a:ext>
            </a:extLst>
          </p:cNvPr>
          <p:cNvSpPr/>
          <p:nvPr>
            <p:custDataLst>
              <p:tags r:id="rId3"/>
            </p:custDataLst>
          </p:nvPr>
        </p:nvSpPr>
        <p:spPr>
          <a:xfrm>
            <a:off x="63500" y="2593039"/>
            <a:ext cx="8242300" cy="981456"/>
          </a:xfrm>
          <a:prstGeom prst="rect">
            <a:avLst/>
          </a:prstGeom>
          <a:solidFill>
            <a:schemeClr val="accent5">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07" name="OTLSHAPE_SL_421290155cc24cf2a8c517436f50b383_BackgroundRectangle">
            <a:extLst>
              <a:ext uri="{FF2B5EF4-FFF2-40B4-BE49-F238E27FC236}">
                <a16:creationId xmlns:a16="http://schemas.microsoft.com/office/drawing/2014/main" id="{48C6F465-8D89-4935-A42C-0438C6D94242}"/>
              </a:ext>
            </a:extLst>
          </p:cNvPr>
          <p:cNvSpPr/>
          <p:nvPr>
            <p:custDataLst>
              <p:tags r:id="rId4"/>
            </p:custDataLst>
          </p:nvPr>
        </p:nvSpPr>
        <p:spPr>
          <a:xfrm>
            <a:off x="63500" y="3637995"/>
            <a:ext cx="8242300" cy="1151975"/>
          </a:xfrm>
          <a:prstGeom prst="rect">
            <a:avLst/>
          </a:prstGeom>
          <a:solidFill>
            <a:schemeClr val="accent2">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41" name="OTLSHAPE_SL_bbda98c77fdd4eb489543e73fe343807_BackgroundRectangle">
            <a:extLst>
              <a:ext uri="{FF2B5EF4-FFF2-40B4-BE49-F238E27FC236}">
                <a16:creationId xmlns:a16="http://schemas.microsoft.com/office/drawing/2014/main" id="{472B7583-B43C-4BD4-9CB9-062DD4FDC735}"/>
              </a:ext>
            </a:extLst>
          </p:cNvPr>
          <p:cNvSpPr/>
          <p:nvPr>
            <p:custDataLst>
              <p:tags r:id="rId5"/>
            </p:custDataLst>
          </p:nvPr>
        </p:nvSpPr>
        <p:spPr>
          <a:xfrm>
            <a:off x="63500" y="4853469"/>
            <a:ext cx="8242300" cy="1190075"/>
          </a:xfrm>
          <a:prstGeom prst="rect">
            <a:avLst/>
          </a:prstGeom>
          <a:solidFill>
            <a:schemeClr val="accent3">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 name="OTLSHAPE_TB_00000000000000000000000000000000_LeftEndCaps" hidden="1">
            <a:extLst>
              <a:ext uri="{FF2B5EF4-FFF2-40B4-BE49-F238E27FC236}">
                <a16:creationId xmlns:a16="http://schemas.microsoft.com/office/drawing/2014/main" id="{7A141B9A-CC95-44B9-9701-AB7E600E2933}"/>
              </a:ext>
            </a:extLst>
          </p:cNvPr>
          <p:cNvSpPr txBox="1"/>
          <p:nvPr>
            <p:custDataLst>
              <p:tags r:id="rId6"/>
            </p:custDataLst>
          </p:nvPr>
        </p:nvSpPr>
        <p:spPr>
          <a:xfrm>
            <a:off x="-223831" y="832150"/>
            <a:ext cx="469900" cy="279400"/>
          </a:xfrm>
          <a:prstGeom prst="rect">
            <a:avLst/>
          </a:prstGeom>
          <a:noFill/>
        </p:spPr>
        <p:txBody>
          <a:bodyPr vert="horz" wrap="none" lIns="0" tIns="0" rIns="0" bIns="0" rtlCol="0" anchor="ctr" anchorCtr="0">
            <a:spAutoFit/>
          </a:bodyPr>
          <a:lstStyle/>
          <a:p>
            <a:pPr algn="ctr"/>
            <a:r>
              <a:rPr lang="en-SG" b="1">
                <a:solidFill>
                  <a:schemeClr val="accent2"/>
                </a:solidFill>
                <a:latin typeface="Calibri" panose="020F0502020204030204" pitchFamily="34" charset="0"/>
              </a:rPr>
              <a:t>2019</a:t>
            </a:r>
          </a:p>
        </p:txBody>
      </p:sp>
      <p:sp>
        <p:nvSpPr>
          <p:cNvPr id="3" name="OTLSHAPE_TB_00000000000000000000000000000000_RightEndCaps">
            <a:extLst>
              <a:ext uri="{FF2B5EF4-FFF2-40B4-BE49-F238E27FC236}">
                <a16:creationId xmlns:a16="http://schemas.microsoft.com/office/drawing/2014/main" id="{8313B5C1-1F73-4179-B9FB-96F502A93C50}"/>
              </a:ext>
            </a:extLst>
          </p:cNvPr>
          <p:cNvSpPr txBox="1"/>
          <p:nvPr>
            <p:custDataLst>
              <p:tags r:id="rId7"/>
            </p:custDataLst>
          </p:nvPr>
        </p:nvSpPr>
        <p:spPr>
          <a:xfrm>
            <a:off x="8426534" y="1395852"/>
            <a:ext cx="449610" cy="279061"/>
          </a:xfrm>
          <a:prstGeom prst="rect">
            <a:avLst/>
          </a:prstGeom>
          <a:noFill/>
        </p:spPr>
        <p:txBody>
          <a:bodyPr vert="horz" wrap="none" lIns="0" tIns="0" rIns="0" bIns="0" rtlCol="0" anchor="ctr" anchorCtr="0">
            <a:spAutoFit/>
          </a:bodyPr>
          <a:lstStyle/>
          <a:p>
            <a:pPr algn="ctr"/>
            <a:r>
              <a:rPr lang="en-SG" b="1" spc="-38">
                <a:solidFill>
                  <a:schemeClr val="accent2"/>
                </a:solidFill>
                <a:latin typeface="Calibri" panose="020F0502020204030204" pitchFamily="34" charset="0"/>
              </a:rPr>
              <a:t>2021</a:t>
            </a:r>
          </a:p>
        </p:txBody>
      </p:sp>
      <p:cxnSp>
        <p:nvCxnSpPr>
          <p:cNvPr id="15" name="OTLSHAPE_M_818274a7f08e4f0a9f49b58b4a8a370c_Connector1">
            <a:extLst>
              <a:ext uri="{FF2B5EF4-FFF2-40B4-BE49-F238E27FC236}">
                <a16:creationId xmlns:a16="http://schemas.microsoft.com/office/drawing/2014/main" id="{A0B18232-9F0F-4FAC-8673-F37B381A2CE9}"/>
              </a:ext>
            </a:extLst>
          </p:cNvPr>
          <p:cNvCxnSpPr/>
          <p:nvPr>
            <p:custDataLst>
              <p:tags r:id="rId8"/>
            </p:custDataLst>
          </p:nvPr>
        </p:nvCxnSpPr>
        <p:spPr>
          <a:xfrm>
            <a:off x="1203588" y="959861"/>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3" name="OTLSHAPE_M_86eb4ea2752b42a9bc64e734a262fd38_Connector1">
            <a:extLst>
              <a:ext uri="{FF2B5EF4-FFF2-40B4-BE49-F238E27FC236}">
                <a16:creationId xmlns:a16="http://schemas.microsoft.com/office/drawing/2014/main" id="{61B126D3-767F-4ABA-8D3E-0B9348426AE0}"/>
              </a:ext>
            </a:extLst>
          </p:cNvPr>
          <p:cNvCxnSpPr/>
          <p:nvPr>
            <p:custDataLst>
              <p:tags r:id="rId9"/>
            </p:custDataLst>
          </p:nvPr>
        </p:nvCxnSpPr>
        <p:spPr>
          <a:xfrm>
            <a:off x="6095553" y="959861"/>
            <a:ext cx="0" cy="448522"/>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8" name="OTLSHAPE_M_4556d3da29354a1f884bcbefc237e8d0_Connector1">
            <a:extLst>
              <a:ext uri="{FF2B5EF4-FFF2-40B4-BE49-F238E27FC236}">
                <a16:creationId xmlns:a16="http://schemas.microsoft.com/office/drawing/2014/main" id="{2562958C-DEF7-4341-BEAF-35C4BE472B25}"/>
              </a:ext>
            </a:extLst>
          </p:cNvPr>
          <p:cNvCxnSpPr>
            <a:cxnSpLocks/>
            <a:stCxn id="267" idx="0"/>
          </p:cNvCxnSpPr>
          <p:nvPr>
            <p:custDataLst>
              <p:tags r:id="rId10"/>
            </p:custDataLst>
          </p:nvPr>
        </p:nvCxnSpPr>
        <p:spPr>
          <a:xfrm flipH="1">
            <a:off x="7661716" y="472920"/>
            <a:ext cx="7262" cy="973563"/>
          </a:xfrm>
          <a:prstGeom prst="line">
            <a:avLst/>
          </a:prstGeom>
          <a:ln w="6350"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a:extLst>
              <a:ext uri="{FF2B5EF4-FFF2-40B4-BE49-F238E27FC236}">
                <a16:creationId xmlns:a16="http://schemas.microsoft.com/office/drawing/2014/main" id="{C2150B03-3038-4607-9C01-7D8E52256DDD}"/>
              </a:ext>
            </a:extLst>
          </p:cNvPr>
          <p:cNvSpPr/>
          <p:nvPr>
            <p:custDataLst>
              <p:tags r:id="rId11"/>
            </p:custDataLst>
          </p:nvPr>
        </p:nvSpPr>
        <p:spPr>
          <a:xfrm>
            <a:off x="984165" y="1408383"/>
            <a:ext cx="73279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0" name="OTLSHAPE_SL_4aae7934cdcc4eb2879ed09dc77663c1_HeaderRectangle">
            <a:extLst>
              <a:ext uri="{FF2B5EF4-FFF2-40B4-BE49-F238E27FC236}">
                <a16:creationId xmlns:a16="http://schemas.microsoft.com/office/drawing/2014/main" id="{78E887E7-7048-41C7-A404-D3409A5BF1F8}"/>
              </a:ext>
            </a:extLst>
          </p:cNvPr>
          <p:cNvSpPr/>
          <p:nvPr>
            <p:custDataLst>
              <p:tags r:id="rId12"/>
            </p:custDataLst>
          </p:nvPr>
        </p:nvSpPr>
        <p:spPr>
          <a:xfrm>
            <a:off x="63500" y="1865583"/>
            <a:ext cx="800100" cy="663956"/>
          </a:xfrm>
          <a:prstGeom prst="rect">
            <a:avLst/>
          </a:prstGeom>
          <a:solidFill>
            <a:schemeClr val="dk2">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46" name="OTLSHAPE_SL_31e8f008a48844709c8200bee4c893e4_HeaderRectangle">
            <a:extLst>
              <a:ext uri="{FF2B5EF4-FFF2-40B4-BE49-F238E27FC236}">
                <a16:creationId xmlns:a16="http://schemas.microsoft.com/office/drawing/2014/main" id="{8C74A21F-7319-4DC4-8599-4242F8287E9B}"/>
              </a:ext>
            </a:extLst>
          </p:cNvPr>
          <p:cNvSpPr/>
          <p:nvPr>
            <p:custDataLst>
              <p:tags r:id="rId13"/>
            </p:custDataLst>
          </p:nvPr>
        </p:nvSpPr>
        <p:spPr>
          <a:xfrm>
            <a:off x="63500" y="2593039"/>
            <a:ext cx="800100" cy="981456"/>
          </a:xfrm>
          <a:prstGeom prst="rect">
            <a:avLst/>
          </a:prstGeom>
          <a:solidFill>
            <a:schemeClr val="accent5">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08" name="OTLSHAPE_SL_421290155cc24cf2a8c517436f50b383_HeaderRectangle">
            <a:extLst>
              <a:ext uri="{FF2B5EF4-FFF2-40B4-BE49-F238E27FC236}">
                <a16:creationId xmlns:a16="http://schemas.microsoft.com/office/drawing/2014/main" id="{D35E7788-88C7-4BB1-A3FD-85BE788F99FB}"/>
              </a:ext>
            </a:extLst>
          </p:cNvPr>
          <p:cNvSpPr/>
          <p:nvPr>
            <p:custDataLst>
              <p:tags r:id="rId14"/>
            </p:custDataLst>
          </p:nvPr>
        </p:nvSpPr>
        <p:spPr>
          <a:xfrm>
            <a:off x="63500" y="3637995"/>
            <a:ext cx="800100" cy="1151975"/>
          </a:xfrm>
          <a:prstGeom prst="rect">
            <a:avLst/>
          </a:prstGeom>
          <a:solidFill>
            <a:schemeClr val="accent2">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42" name="OTLSHAPE_SL_bbda98c77fdd4eb489543e73fe343807_HeaderRectangle">
            <a:extLst>
              <a:ext uri="{FF2B5EF4-FFF2-40B4-BE49-F238E27FC236}">
                <a16:creationId xmlns:a16="http://schemas.microsoft.com/office/drawing/2014/main" id="{1A47E860-3BCC-458F-94A3-3DF70C4E33A2}"/>
              </a:ext>
            </a:extLst>
          </p:cNvPr>
          <p:cNvSpPr/>
          <p:nvPr>
            <p:custDataLst>
              <p:tags r:id="rId15"/>
            </p:custDataLst>
          </p:nvPr>
        </p:nvSpPr>
        <p:spPr>
          <a:xfrm>
            <a:off x="63500" y="4853469"/>
            <a:ext cx="800100" cy="1190075"/>
          </a:xfrm>
          <a:prstGeom prst="rect">
            <a:avLst/>
          </a:prstGeom>
          <a:solidFill>
            <a:schemeClr val="accent3">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cxnSp>
        <p:nvCxnSpPr>
          <p:cNvPr id="22" name="OTLSHAPE_G_00000000000000000000000000000000_ShapeBelow0">
            <a:extLst>
              <a:ext uri="{FF2B5EF4-FFF2-40B4-BE49-F238E27FC236}">
                <a16:creationId xmlns:a16="http://schemas.microsoft.com/office/drawing/2014/main" id="{AE3FBC68-433C-4CC0-B67E-814378D514AB}"/>
              </a:ext>
            </a:extLst>
          </p:cNvPr>
          <p:cNvCxnSpPr/>
          <p:nvPr>
            <p:custDataLst>
              <p:tags r:id="rId16"/>
            </p:custDataLst>
          </p:nvPr>
        </p:nvCxnSpPr>
        <p:spPr>
          <a:xfrm>
            <a:off x="1902349"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G_00000000000000000000000000000000_ShapeBelow1">
            <a:extLst>
              <a:ext uri="{FF2B5EF4-FFF2-40B4-BE49-F238E27FC236}">
                <a16:creationId xmlns:a16="http://schemas.microsoft.com/office/drawing/2014/main" id="{3E50032C-6696-45B4-92AB-D496242F3F3B}"/>
              </a:ext>
            </a:extLst>
          </p:cNvPr>
          <p:cNvCxnSpPr/>
          <p:nvPr>
            <p:custDataLst>
              <p:tags r:id="rId17"/>
            </p:custDataLst>
          </p:nvPr>
        </p:nvCxnSpPr>
        <p:spPr>
          <a:xfrm>
            <a:off x="2805481"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G_00000000000000000000000000000000_ShapeBelow2">
            <a:extLst>
              <a:ext uri="{FF2B5EF4-FFF2-40B4-BE49-F238E27FC236}">
                <a16:creationId xmlns:a16="http://schemas.microsoft.com/office/drawing/2014/main" id="{271E1BA0-BF0E-40AE-819D-C636ED3D24F4}"/>
              </a:ext>
            </a:extLst>
          </p:cNvPr>
          <p:cNvCxnSpPr/>
          <p:nvPr>
            <p:custDataLst>
              <p:tags r:id="rId18"/>
            </p:custDataLst>
          </p:nvPr>
        </p:nvCxnSpPr>
        <p:spPr>
          <a:xfrm>
            <a:off x="3723666"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G_00000000000000000000000000000000_ShapeBelow3">
            <a:extLst>
              <a:ext uri="{FF2B5EF4-FFF2-40B4-BE49-F238E27FC236}">
                <a16:creationId xmlns:a16="http://schemas.microsoft.com/office/drawing/2014/main" id="{D67FA2CB-03AB-48B2-9177-D90276F806FC}"/>
              </a:ext>
            </a:extLst>
          </p:cNvPr>
          <p:cNvCxnSpPr/>
          <p:nvPr>
            <p:custDataLst>
              <p:tags r:id="rId19"/>
            </p:custDataLst>
          </p:nvPr>
        </p:nvCxnSpPr>
        <p:spPr>
          <a:xfrm>
            <a:off x="4641850"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G_00000000000000000000000000000000_ShapeBelow4">
            <a:extLst>
              <a:ext uri="{FF2B5EF4-FFF2-40B4-BE49-F238E27FC236}">
                <a16:creationId xmlns:a16="http://schemas.microsoft.com/office/drawing/2014/main" id="{2B0A9015-0D91-49F7-AB06-583271B93D9D}"/>
              </a:ext>
            </a:extLst>
          </p:cNvPr>
          <p:cNvCxnSpPr/>
          <p:nvPr>
            <p:custDataLst>
              <p:tags r:id="rId20"/>
            </p:custDataLst>
          </p:nvPr>
        </p:nvCxnSpPr>
        <p:spPr>
          <a:xfrm>
            <a:off x="5575086"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G_00000000000000000000000000000000_ShapeBelow5">
            <a:extLst>
              <a:ext uri="{FF2B5EF4-FFF2-40B4-BE49-F238E27FC236}">
                <a16:creationId xmlns:a16="http://schemas.microsoft.com/office/drawing/2014/main" id="{364B5483-7BF5-4336-B2A9-BDA7D70FF93E}"/>
              </a:ext>
            </a:extLst>
          </p:cNvPr>
          <p:cNvCxnSpPr/>
          <p:nvPr>
            <p:custDataLst>
              <p:tags r:id="rId21"/>
            </p:custDataLst>
          </p:nvPr>
        </p:nvCxnSpPr>
        <p:spPr>
          <a:xfrm>
            <a:off x="6493271"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G_00000000000000000000000000000000_ShapeBelow6">
            <a:extLst>
              <a:ext uri="{FF2B5EF4-FFF2-40B4-BE49-F238E27FC236}">
                <a16:creationId xmlns:a16="http://schemas.microsoft.com/office/drawing/2014/main" id="{20CC5558-731C-4ACB-8A1B-CD0B0B9281D2}"/>
              </a:ext>
            </a:extLst>
          </p:cNvPr>
          <p:cNvCxnSpPr/>
          <p:nvPr>
            <p:custDataLst>
              <p:tags r:id="rId22"/>
            </p:custDataLst>
          </p:nvPr>
        </p:nvCxnSpPr>
        <p:spPr>
          <a:xfrm>
            <a:off x="7411455" y="1662383"/>
            <a:ext cx="0" cy="4381161"/>
          </a:xfrm>
          <a:prstGeom prst="line">
            <a:avLst/>
          </a:prstGeom>
          <a:ln w="6350"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 name="OTLSHAPE_SLT_cf74e01d93be45bab98c5fa9bac974e2_Shape">
            <a:extLst>
              <a:ext uri="{FF2B5EF4-FFF2-40B4-BE49-F238E27FC236}">
                <a16:creationId xmlns:a16="http://schemas.microsoft.com/office/drawing/2014/main" id="{056ACD4D-99A7-4B08-AA5D-AFD9BE3B8AC0}"/>
              </a:ext>
            </a:extLst>
          </p:cNvPr>
          <p:cNvSpPr/>
          <p:nvPr>
            <p:custDataLst>
              <p:tags r:id="rId23"/>
            </p:custDataLst>
          </p:nvPr>
        </p:nvSpPr>
        <p:spPr>
          <a:xfrm>
            <a:off x="1495930" y="2112301"/>
            <a:ext cx="1397000" cy="170519"/>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34" name="OTLSHAPE_SLT_245197a3ef3b4fe28bec6b8e59a532a4_Shape">
            <a:extLst>
              <a:ext uri="{FF2B5EF4-FFF2-40B4-BE49-F238E27FC236}">
                <a16:creationId xmlns:a16="http://schemas.microsoft.com/office/drawing/2014/main" id="{EB7970FA-2743-4E23-953D-D0AA05253EE4}"/>
              </a:ext>
            </a:extLst>
          </p:cNvPr>
          <p:cNvSpPr/>
          <p:nvPr>
            <p:custDataLst>
              <p:tags r:id="rId24"/>
            </p:custDataLst>
          </p:nvPr>
        </p:nvSpPr>
        <p:spPr>
          <a:xfrm>
            <a:off x="1827088" y="2320920"/>
            <a:ext cx="1054100" cy="170519"/>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51" name="OTLSHAPE_SLT_c605668d97864711b3a5267a2104a248_Shape">
            <a:extLst>
              <a:ext uri="{FF2B5EF4-FFF2-40B4-BE49-F238E27FC236}">
                <a16:creationId xmlns:a16="http://schemas.microsoft.com/office/drawing/2014/main" id="{16D58FCC-6649-4E0C-A3F1-93C6BDE83FA1}"/>
              </a:ext>
            </a:extLst>
          </p:cNvPr>
          <p:cNvSpPr/>
          <p:nvPr>
            <p:custDataLst>
              <p:tags r:id="rId25"/>
            </p:custDataLst>
          </p:nvPr>
        </p:nvSpPr>
        <p:spPr>
          <a:xfrm>
            <a:off x="3196839" y="1903683"/>
            <a:ext cx="1282700" cy="170519"/>
          </a:xfrm>
          <a:prstGeom prst="leftRightArrow">
            <a:avLst>
              <a:gd name="adj1" fmla="val 75000"/>
              <a:gd name="adj2" fmla="val 50000"/>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59" name="OTLSHAPE_SLT_936f0fec15da4a80a328d5fae4a69e42_Shape">
            <a:extLst>
              <a:ext uri="{FF2B5EF4-FFF2-40B4-BE49-F238E27FC236}">
                <a16:creationId xmlns:a16="http://schemas.microsoft.com/office/drawing/2014/main" id="{81FAF2F9-C597-4381-BF49-9FCB57595608}"/>
              </a:ext>
            </a:extLst>
          </p:cNvPr>
          <p:cNvSpPr/>
          <p:nvPr>
            <p:custDataLst>
              <p:tags r:id="rId26"/>
            </p:custDataLst>
          </p:nvPr>
        </p:nvSpPr>
        <p:spPr>
          <a:xfrm>
            <a:off x="3061369" y="2631139"/>
            <a:ext cx="749300" cy="170519"/>
          </a:xfrm>
          <a:prstGeom prst="leftRightArrow">
            <a:avLst>
              <a:gd name="adj1" fmla="val 75000"/>
              <a:gd name="adj2" fmla="val 50000"/>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67" name="OTLSHAPE_SLT_8195ecccc948458aa28a67c05e75acc3_Shape">
            <a:extLst>
              <a:ext uri="{FF2B5EF4-FFF2-40B4-BE49-F238E27FC236}">
                <a16:creationId xmlns:a16="http://schemas.microsoft.com/office/drawing/2014/main" id="{98320B31-2BC3-41B2-B6A8-666180C378E4}"/>
              </a:ext>
            </a:extLst>
          </p:cNvPr>
          <p:cNvSpPr/>
          <p:nvPr>
            <p:custDataLst>
              <p:tags r:id="rId27"/>
            </p:custDataLst>
          </p:nvPr>
        </p:nvSpPr>
        <p:spPr>
          <a:xfrm>
            <a:off x="1360470" y="2839757"/>
            <a:ext cx="279400" cy="170519"/>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75" name="OTLSHAPE_SLT_f5ce2c5d7f964eeeaeb1ed4a25b86e9e_Shape">
            <a:extLst>
              <a:ext uri="{FF2B5EF4-FFF2-40B4-BE49-F238E27FC236}">
                <a16:creationId xmlns:a16="http://schemas.microsoft.com/office/drawing/2014/main" id="{6ED9DEC8-76A8-415C-8BD6-AABE41FE5CC2}"/>
              </a:ext>
            </a:extLst>
          </p:cNvPr>
          <p:cNvSpPr/>
          <p:nvPr>
            <p:custDataLst>
              <p:tags r:id="rId28"/>
            </p:custDataLst>
          </p:nvPr>
        </p:nvSpPr>
        <p:spPr>
          <a:xfrm>
            <a:off x="2007715" y="2839757"/>
            <a:ext cx="838200" cy="170519"/>
          </a:xfrm>
          <a:prstGeom prst="round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90" name="OTLSHAPE_SLT_dfd378a9a65542698770a579c0c89ccf_Shape">
            <a:extLst>
              <a:ext uri="{FF2B5EF4-FFF2-40B4-BE49-F238E27FC236}">
                <a16:creationId xmlns:a16="http://schemas.microsoft.com/office/drawing/2014/main" id="{FCE17072-28CE-426F-8331-4413EB0BBDCA}"/>
              </a:ext>
            </a:extLst>
          </p:cNvPr>
          <p:cNvSpPr/>
          <p:nvPr>
            <p:custDataLst>
              <p:tags r:id="rId29"/>
            </p:custDataLst>
          </p:nvPr>
        </p:nvSpPr>
        <p:spPr>
          <a:xfrm>
            <a:off x="2986098" y="2839757"/>
            <a:ext cx="2336800" cy="170519"/>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10" name="OTLSHAPE_SLT_c3b2b2f942aa4284b52e14a83aac9486_Shape">
            <a:extLst>
              <a:ext uri="{FF2B5EF4-FFF2-40B4-BE49-F238E27FC236}">
                <a16:creationId xmlns:a16="http://schemas.microsoft.com/office/drawing/2014/main" id="{789C95BA-82BF-4604-8333-1609ED6D7331}"/>
              </a:ext>
            </a:extLst>
          </p:cNvPr>
          <p:cNvSpPr/>
          <p:nvPr>
            <p:custDataLst>
              <p:tags r:id="rId30"/>
            </p:custDataLst>
          </p:nvPr>
        </p:nvSpPr>
        <p:spPr>
          <a:xfrm>
            <a:off x="2384010" y="3676095"/>
            <a:ext cx="1244600" cy="170519"/>
          </a:xfrm>
          <a:prstGeom prst="leftRightArrow">
            <a:avLst>
              <a:gd name="adj1" fmla="val 75000"/>
              <a:gd name="adj2" fmla="val 50000"/>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22" name="OTLSHAPE_SLT_c20bfaca802946fa88464e48781ea9cd_Shape">
            <a:extLst>
              <a:ext uri="{FF2B5EF4-FFF2-40B4-BE49-F238E27FC236}">
                <a16:creationId xmlns:a16="http://schemas.microsoft.com/office/drawing/2014/main" id="{7E91DA73-458B-4C00-A75D-70F61027723C}"/>
              </a:ext>
            </a:extLst>
          </p:cNvPr>
          <p:cNvSpPr/>
          <p:nvPr>
            <p:custDataLst>
              <p:tags r:id="rId31"/>
            </p:custDataLst>
          </p:nvPr>
        </p:nvSpPr>
        <p:spPr>
          <a:xfrm>
            <a:off x="2399072" y="3884713"/>
            <a:ext cx="1943100" cy="170519"/>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30" name="OTLSHAPE_SLT_7bbd7b761aea4e69851e8a124f18c823_Shape">
            <a:extLst>
              <a:ext uri="{FF2B5EF4-FFF2-40B4-BE49-F238E27FC236}">
                <a16:creationId xmlns:a16="http://schemas.microsoft.com/office/drawing/2014/main" id="{334F9A44-0F65-4F19-AA31-3013749EB133}"/>
              </a:ext>
            </a:extLst>
          </p:cNvPr>
          <p:cNvSpPr/>
          <p:nvPr>
            <p:custDataLst>
              <p:tags r:id="rId32"/>
            </p:custDataLst>
          </p:nvPr>
        </p:nvSpPr>
        <p:spPr>
          <a:xfrm>
            <a:off x="4927842" y="3884713"/>
            <a:ext cx="1092200" cy="170519"/>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44" name="OTLSHAPE_SLT_5c225ae74b4646b78d8c9f45d0df69cb_Shape">
            <a:extLst>
              <a:ext uri="{FF2B5EF4-FFF2-40B4-BE49-F238E27FC236}">
                <a16:creationId xmlns:a16="http://schemas.microsoft.com/office/drawing/2014/main" id="{5CADBB6B-958A-4691-97B9-6DD1D3DBA65A}"/>
              </a:ext>
            </a:extLst>
          </p:cNvPr>
          <p:cNvSpPr/>
          <p:nvPr>
            <p:custDataLst>
              <p:tags r:id="rId33"/>
            </p:custDataLst>
          </p:nvPr>
        </p:nvSpPr>
        <p:spPr>
          <a:xfrm>
            <a:off x="2940941" y="4891569"/>
            <a:ext cx="3556000" cy="170519"/>
          </a:xfrm>
          <a:prstGeom prst="leftRightArrow">
            <a:avLst>
              <a:gd name="adj1" fmla="val 75000"/>
              <a:gd name="adj2" fmla="val 50000"/>
            </a:avLst>
          </a:prstGeom>
          <a:solidFill>
            <a:srgbClr val="6F3198"/>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52" name="OTLSHAPE_SLT_f7f52ad934d44c14a5e01cd240708976_Shape">
            <a:extLst>
              <a:ext uri="{FF2B5EF4-FFF2-40B4-BE49-F238E27FC236}">
                <a16:creationId xmlns:a16="http://schemas.microsoft.com/office/drawing/2014/main" id="{F14033BB-FAAA-41A4-AF80-273A3DF07CFF}"/>
              </a:ext>
            </a:extLst>
          </p:cNvPr>
          <p:cNvSpPr/>
          <p:nvPr>
            <p:custDataLst>
              <p:tags r:id="rId34"/>
            </p:custDataLst>
          </p:nvPr>
        </p:nvSpPr>
        <p:spPr>
          <a:xfrm>
            <a:off x="2113080" y="5100188"/>
            <a:ext cx="647700" cy="170519"/>
          </a:xfrm>
          <a:prstGeom prst="round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0" name="OTLSHAPE_SLT_fd3e0781d4a4437b926b549a50096dd4_Shape">
            <a:extLst>
              <a:ext uri="{FF2B5EF4-FFF2-40B4-BE49-F238E27FC236}">
                <a16:creationId xmlns:a16="http://schemas.microsoft.com/office/drawing/2014/main" id="{DDB7DF3D-A9A9-4E66-992D-5E37D4A5D4B1}"/>
              </a:ext>
            </a:extLst>
          </p:cNvPr>
          <p:cNvSpPr/>
          <p:nvPr>
            <p:custDataLst>
              <p:tags r:id="rId35"/>
            </p:custDataLst>
          </p:nvPr>
        </p:nvSpPr>
        <p:spPr>
          <a:xfrm>
            <a:off x="2805482" y="5100188"/>
            <a:ext cx="1511300" cy="170519"/>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8" name="OTLSHAPE_SLT_0954a7a4914749069ff769ff089a288c_Shape">
            <a:extLst>
              <a:ext uri="{FF2B5EF4-FFF2-40B4-BE49-F238E27FC236}">
                <a16:creationId xmlns:a16="http://schemas.microsoft.com/office/drawing/2014/main" id="{AFA4F30E-9E3E-41C7-9F24-F9953AFFF03C}"/>
              </a:ext>
            </a:extLst>
          </p:cNvPr>
          <p:cNvSpPr/>
          <p:nvPr>
            <p:custDataLst>
              <p:tags r:id="rId36"/>
            </p:custDataLst>
          </p:nvPr>
        </p:nvSpPr>
        <p:spPr>
          <a:xfrm>
            <a:off x="4295649" y="5100188"/>
            <a:ext cx="1981200" cy="170519"/>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76" name="OTLSHAPE_SLT_aebc933e81a54141b7eb8e3b073627cc_Shape">
            <a:extLst>
              <a:ext uri="{FF2B5EF4-FFF2-40B4-BE49-F238E27FC236}">
                <a16:creationId xmlns:a16="http://schemas.microsoft.com/office/drawing/2014/main" id="{D3025A7B-E46D-47F1-92DF-8DC9971D16E6}"/>
              </a:ext>
            </a:extLst>
          </p:cNvPr>
          <p:cNvSpPr/>
          <p:nvPr>
            <p:custDataLst>
              <p:tags r:id="rId37"/>
            </p:custDataLst>
          </p:nvPr>
        </p:nvSpPr>
        <p:spPr>
          <a:xfrm>
            <a:off x="1661514" y="5308807"/>
            <a:ext cx="2819400" cy="170519"/>
          </a:xfrm>
          <a:prstGeom prst="round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95" name="OTLSHAPE_SLT_5818d48c5af84f13935b8d327f505d0b_Shape">
            <a:extLst>
              <a:ext uri="{FF2B5EF4-FFF2-40B4-BE49-F238E27FC236}">
                <a16:creationId xmlns:a16="http://schemas.microsoft.com/office/drawing/2014/main" id="{9D376D61-470C-4296-81BB-FEA38E2E8BAB}"/>
              </a:ext>
            </a:extLst>
          </p:cNvPr>
          <p:cNvSpPr/>
          <p:nvPr>
            <p:custDataLst>
              <p:tags r:id="rId38"/>
            </p:custDataLst>
          </p:nvPr>
        </p:nvSpPr>
        <p:spPr>
          <a:xfrm>
            <a:off x="4039762" y="5559166"/>
            <a:ext cx="1346200" cy="170519"/>
          </a:xfrm>
          <a:prstGeom prst="roundRect">
            <a:avLst>
              <a:gd name="adj" fmla="val 100000"/>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17" name="OTLSHAPE_SLT_40b5cb055cf54be28b41205edde20606_Shape">
            <a:extLst>
              <a:ext uri="{FF2B5EF4-FFF2-40B4-BE49-F238E27FC236}">
                <a16:creationId xmlns:a16="http://schemas.microsoft.com/office/drawing/2014/main" id="{3885935B-A38E-41C3-A1B6-6FDD6EE6B992}"/>
              </a:ext>
            </a:extLst>
          </p:cNvPr>
          <p:cNvSpPr/>
          <p:nvPr>
            <p:custDataLst>
              <p:tags r:id="rId39"/>
            </p:custDataLst>
          </p:nvPr>
        </p:nvSpPr>
        <p:spPr>
          <a:xfrm>
            <a:off x="6177175" y="5100188"/>
            <a:ext cx="279400" cy="170519"/>
          </a:xfrm>
          <a:prstGeom prst="roundRect">
            <a:avLst>
              <a:gd name="adj" fmla="val 100000"/>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91" name="OTLSHAPE_SLT_c716fc84e6d441988af52534773768a3_Shape">
            <a:extLst>
              <a:ext uri="{FF2B5EF4-FFF2-40B4-BE49-F238E27FC236}">
                <a16:creationId xmlns:a16="http://schemas.microsoft.com/office/drawing/2014/main" id="{06C0011F-4C22-4546-A0D2-A2397B11363B}"/>
              </a:ext>
            </a:extLst>
          </p:cNvPr>
          <p:cNvSpPr/>
          <p:nvPr>
            <p:custDataLst>
              <p:tags r:id="rId40"/>
            </p:custDataLst>
          </p:nvPr>
        </p:nvSpPr>
        <p:spPr>
          <a:xfrm>
            <a:off x="6207279" y="5308807"/>
            <a:ext cx="342900" cy="170519"/>
          </a:xfrm>
          <a:prstGeom prst="roundRect">
            <a:avLst>
              <a:gd name="adj" fmla="val 100000"/>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294" name="OTLSHAPE_SLT_1125577a546f4142bbb7c122a8699caf_Shape">
            <a:extLst>
              <a:ext uri="{FF2B5EF4-FFF2-40B4-BE49-F238E27FC236}">
                <a16:creationId xmlns:a16="http://schemas.microsoft.com/office/drawing/2014/main" id="{3E6D37EB-CE65-41C0-934E-E73FC491BB80}"/>
              </a:ext>
            </a:extLst>
          </p:cNvPr>
          <p:cNvSpPr/>
          <p:nvPr>
            <p:custDataLst>
              <p:tags r:id="rId41"/>
            </p:custDataLst>
          </p:nvPr>
        </p:nvSpPr>
        <p:spPr>
          <a:xfrm>
            <a:off x="6342749" y="5559166"/>
            <a:ext cx="203200" cy="170519"/>
          </a:xfrm>
          <a:prstGeom prst="roundRect">
            <a:avLst>
              <a:gd name="adj" fmla="val 100000"/>
            </a:avLst>
          </a:prstGeom>
          <a:solidFill>
            <a:srgbClr val="1AAA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87" name="OTLSHAPE_SLT_43699d7878c44db89fc3e4d69f852d57_Shape">
            <a:extLst>
              <a:ext uri="{FF2B5EF4-FFF2-40B4-BE49-F238E27FC236}">
                <a16:creationId xmlns:a16="http://schemas.microsoft.com/office/drawing/2014/main" id="{52E44A85-E08B-417C-ABA0-E056731DBCE2}"/>
              </a:ext>
            </a:extLst>
          </p:cNvPr>
          <p:cNvSpPr/>
          <p:nvPr>
            <p:custDataLst>
              <p:tags r:id="rId42"/>
            </p:custDataLst>
          </p:nvPr>
        </p:nvSpPr>
        <p:spPr>
          <a:xfrm>
            <a:off x="5695494" y="3387635"/>
            <a:ext cx="1993900" cy="127000"/>
          </a:xfrm>
          <a:prstGeom prst="homePlate">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03" name="OTLSHAPE_SLT_e95eb4e8825743c690235ec2c8158fd2_Shape">
            <a:extLst>
              <a:ext uri="{FF2B5EF4-FFF2-40B4-BE49-F238E27FC236}">
                <a16:creationId xmlns:a16="http://schemas.microsoft.com/office/drawing/2014/main" id="{FCE6A1F7-05FB-46AF-B810-67A2F0F9E9C8}"/>
              </a:ext>
            </a:extLst>
          </p:cNvPr>
          <p:cNvSpPr/>
          <p:nvPr>
            <p:custDataLst>
              <p:tags r:id="rId43"/>
            </p:custDataLst>
          </p:nvPr>
        </p:nvSpPr>
        <p:spPr>
          <a:xfrm>
            <a:off x="6342738" y="4603110"/>
            <a:ext cx="1295400" cy="127000"/>
          </a:xfrm>
          <a:prstGeom prst="rightArrow">
            <a:avLst>
              <a:gd name="adj1" fmla="val 75000"/>
              <a:gd name="adj2" fmla="val 50000"/>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86" name="OTLSHAPE_SLT_f5ab5ae60e91435fa70e37a436a41cab_Shape">
            <a:extLst>
              <a:ext uri="{FF2B5EF4-FFF2-40B4-BE49-F238E27FC236}">
                <a16:creationId xmlns:a16="http://schemas.microsoft.com/office/drawing/2014/main" id="{02B79AD3-8618-4EB3-A709-E3D95CACE0A1}"/>
              </a:ext>
            </a:extLst>
          </p:cNvPr>
          <p:cNvSpPr/>
          <p:nvPr>
            <p:custDataLst>
              <p:tags r:id="rId44"/>
            </p:custDataLst>
          </p:nvPr>
        </p:nvSpPr>
        <p:spPr>
          <a:xfrm>
            <a:off x="6342749" y="5856685"/>
            <a:ext cx="1295400" cy="127000"/>
          </a:xfrm>
          <a:prstGeom prst="homePlate">
            <a:avLst/>
          </a:prstGeom>
          <a:solidFill>
            <a:srgbClr val="EA161E"/>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5" name="OTLSHAPE_TB_00000000000000000000000000000000_ElapsedTime" hidden="1">
            <a:extLst>
              <a:ext uri="{FF2B5EF4-FFF2-40B4-BE49-F238E27FC236}">
                <a16:creationId xmlns:a16="http://schemas.microsoft.com/office/drawing/2014/main" id="{A9C273B8-0229-4D55-B7B8-B766F1135D83}"/>
              </a:ext>
            </a:extLst>
          </p:cNvPr>
          <p:cNvSpPr/>
          <p:nvPr>
            <p:custDataLst>
              <p:tags r:id="rId45"/>
            </p:custDataLst>
          </p:nvPr>
        </p:nvSpPr>
        <p:spPr>
          <a:xfrm>
            <a:off x="0" y="0"/>
            <a:ext cx="0" cy="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7" name="OTLSHAPE_SLT_cf74e01d93be45bab98c5fa9bac974e2_ShapePercentage" hidden="1">
            <a:extLst>
              <a:ext uri="{FF2B5EF4-FFF2-40B4-BE49-F238E27FC236}">
                <a16:creationId xmlns:a16="http://schemas.microsoft.com/office/drawing/2014/main" id="{CBB4BD71-8D59-4E95-AF5A-6977E81DBDB2}"/>
              </a:ext>
            </a:extLst>
          </p:cNvPr>
          <p:cNvSpPr/>
          <p:nvPr>
            <p:custDataLst>
              <p:tags r:id="rId46"/>
            </p:custDataLst>
          </p:nvPr>
        </p:nvSpPr>
        <p:spPr>
          <a:xfrm>
            <a:off x="1495930" y="1566873"/>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35" name="OTLSHAPE_SLT_245197a3ef3b4fe28bec6b8e59a532a4_ShapePercentage" hidden="1">
            <a:extLst>
              <a:ext uri="{FF2B5EF4-FFF2-40B4-BE49-F238E27FC236}">
                <a16:creationId xmlns:a16="http://schemas.microsoft.com/office/drawing/2014/main" id="{8589AB9A-813F-4C1C-AA53-2B5779DDA3DE}"/>
              </a:ext>
            </a:extLst>
          </p:cNvPr>
          <p:cNvSpPr/>
          <p:nvPr>
            <p:custDataLst>
              <p:tags r:id="rId47"/>
            </p:custDataLst>
          </p:nvPr>
        </p:nvSpPr>
        <p:spPr>
          <a:xfrm>
            <a:off x="1827088" y="177549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52" name="OTLSHAPE_SLT_c605668d97864711b3a5267a2104a248_ShapePercentage" hidden="1">
            <a:extLst>
              <a:ext uri="{FF2B5EF4-FFF2-40B4-BE49-F238E27FC236}">
                <a16:creationId xmlns:a16="http://schemas.microsoft.com/office/drawing/2014/main" id="{B87D2ED2-99A9-4474-BD1C-560C7F5147F0}"/>
              </a:ext>
            </a:extLst>
          </p:cNvPr>
          <p:cNvSpPr/>
          <p:nvPr>
            <p:custDataLst>
              <p:tags r:id="rId48"/>
            </p:custDataLst>
          </p:nvPr>
        </p:nvSpPr>
        <p:spPr>
          <a:xfrm>
            <a:off x="3196839" y="1358255"/>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60" name="OTLSHAPE_SLT_936f0fec15da4a80a328d5fae4a69e42_ShapePercentage" hidden="1">
            <a:extLst>
              <a:ext uri="{FF2B5EF4-FFF2-40B4-BE49-F238E27FC236}">
                <a16:creationId xmlns:a16="http://schemas.microsoft.com/office/drawing/2014/main" id="{B5FA4537-68C8-4F24-846A-987410C050A4}"/>
              </a:ext>
            </a:extLst>
          </p:cNvPr>
          <p:cNvSpPr/>
          <p:nvPr>
            <p:custDataLst>
              <p:tags r:id="rId49"/>
            </p:custDataLst>
          </p:nvPr>
        </p:nvSpPr>
        <p:spPr>
          <a:xfrm>
            <a:off x="3061369" y="2085711"/>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68" name="OTLSHAPE_SLT_8195ecccc948458aa28a67c05e75acc3_ShapePercentage" hidden="1">
            <a:extLst>
              <a:ext uri="{FF2B5EF4-FFF2-40B4-BE49-F238E27FC236}">
                <a16:creationId xmlns:a16="http://schemas.microsoft.com/office/drawing/2014/main" id="{C940D529-0F1C-4388-ABFD-95FEFEA64ED0}"/>
              </a:ext>
            </a:extLst>
          </p:cNvPr>
          <p:cNvSpPr/>
          <p:nvPr>
            <p:custDataLst>
              <p:tags r:id="rId50"/>
            </p:custDataLst>
          </p:nvPr>
        </p:nvSpPr>
        <p:spPr>
          <a:xfrm>
            <a:off x="1360470" y="229432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76" name="OTLSHAPE_SLT_f5ce2c5d7f964eeeaeb1ed4a25b86e9e_ShapePercentage" hidden="1">
            <a:extLst>
              <a:ext uri="{FF2B5EF4-FFF2-40B4-BE49-F238E27FC236}">
                <a16:creationId xmlns:a16="http://schemas.microsoft.com/office/drawing/2014/main" id="{DCE6FF48-044B-4716-9230-3B381A72FEE4}"/>
              </a:ext>
            </a:extLst>
          </p:cNvPr>
          <p:cNvSpPr/>
          <p:nvPr>
            <p:custDataLst>
              <p:tags r:id="rId51"/>
            </p:custDataLst>
          </p:nvPr>
        </p:nvSpPr>
        <p:spPr>
          <a:xfrm>
            <a:off x="2007715" y="229432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91" name="OTLSHAPE_SLT_dfd378a9a65542698770a579c0c89ccf_ShapePercentage" hidden="1">
            <a:extLst>
              <a:ext uri="{FF2B5EF4-FFF2-40B4-BE49-F238E27FC236}">
                <a16:creationId xmlns:a16="http://schemas.microsoft.com/office/drawing/2014/main" id="{90587021-C1ED-4F84-8C38-C95E77EA7E70}"/>
              </a:ext>
            </a:extLst>
          </p:cNvPr>
          <p:cNvSpPr/>
          <p:nvPr>
            <p:custDataLst>
              <p:tags r:id="rId52"/>
            </p:custDataLst>
          </p:nvPr>
        </p:nvSpPr>
        <p:spPr>
          <a:xfrm>
            <a:off x="2986098" y="229432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11" name="OTLSHAPE_SLT_c3b2b2f942aa4284b52e14a83aac9486_ShapePercentage" hidden="1">
            <a:extLst>
              <a:ext uri="{FF2B5EF4-FFF2-40B4-BE49-F238E27FC236}">
                <a16:creationId xmlns:a16="http://schemas.microsoft.com/office/drawing/2014/main" id="{0085623E-13C1-40D3-856D-CB1EA33B9EE7}"/>
              </a:ext>
            </a:extLst>
          </p:cNvPr>
          <p:cNvSpPr/>
          <p:nvPr>
            <p:custDataLst>
              <p:tags r:id="rId53"/>
            </p:custDataLst>
          </p:nvPr>
        </p:nvSpPr>
        <p:spPr>
          <a:xfrm>
            <a:off x="2384010" y="3130667"/>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23" name="OTLSHAPE_SLT_c20bfaca802946fa88464e48781ea9cd_ShapePercentage" hidden="1">
            <a:extLst>
              <a:ext uri="{FF2B5EF4-FFF2-40B4-BE49-F238E27FC236}">
                <a16:creationId xmlns:a16="http://schemas.microsoft.com/office/drawing/2014/main" id="{C8E97F63-3FB7-45AB-B36A-69FC9633DFC5}"/>
              </a:ext>
            </a:extLst>
          </p:cNvPr>
          <p:cNvSpPr/>
          <p:nvPr>
            <p:custDataLst>
              <p:tags r:id="rId54"/>
            </p:custDataLst>
          </p:nvPr>
        </p:nvSpPr>
        <p:spPr>
          <a:xfrm>
            <a:off x="2399072" y="333928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31" name="OTLSHAPE_SLT_7bbd7b761aea4e69851e8a124f18c823_ShapePercentage" hidden="1">
            <a:extLst>
              <a:ext uri="{FF2B5EF4-FFF2-40B4-BE49-F238E27FC236}">
                <a16:creationId xmlns:a16="http://schemas.microsoft.com/office/drawing/2014/main" id="{CDFC8188-883C-46AC-AD80-3F0442C7FDD0}"/>
              </a:ext>
            </a:extLst>
          </p:cNvPr>
          <p:cNvSpPr/>
          <p:nvPr>
            <p:custDataLst>
              <p:tags r:id="rId55"/>
            </p:custDataLst>
          </p:nvPr>
        </p:nvSpPr>
        <p:spPr>
          <a:xfrm>
            <a:off x="4927842" y="333928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45" name="OTLSHAPE_SLT_5c225ae74b4646b78d8c9f45d0df69cb_ShapePercentage" hidden="1">
            <a:extLst>
              <a:ext uri="{FF2B5EF4-FFF2-40B4-BE49-F238E27FC236}">
                <a16:creationId xmlns:a16="http://schemas.microsoft.com/office/drawing/2014/main" id="{E3DBB34C-CD67-470B-A928-35148EF3FB6A}"/>
              </a:ext>
            </a:extLst>
          </p:cNvPr>
          <p:cNvSpPr/>
          <p:nvPr>
            <p:custDataLst>
              <p:tags r:id="rId56"/>
            </p:custDataLst>
          </p:nvPr>
        </p:nvSpPr>
        <p:spPr>
          <a:xfrm>
            <a:off x="2940941" y="4346141"/>
            <a:ext cx="0" cy="0"/>
          </a:xfrm>
          <a:prstGeom prst="lef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53" name="OTLSHAPE_SLT_f7f52ad934d44c14a5e01cd240708976_ShapePercentage" hidden="1">
            <a:extLst>
              <a:ext uri="{FF2B5EF4-FFF2-40B4-BE49-F238E27FC236}">
                <a16:creationId xmlns:a16="http://schemas.microsoft.com/office/drawing/2014/main" id="{F62C1FFE-AE99-4E77-B0EF-FB38343867AB}"/>
              </a:ext>
            </a:extLst>
          </p:cNvPr>
          <p:cNvSpPr/>
          <p:nvPr>
            <p:custDataLst>
              <p:tags r:id="rId57"/>
            </p:custDataLst>
          </p:nvPr>
        </p:nvSpPr>
        <p:spPr>
          <a:xfrm>
            <a:off x="2113080" y="4554760"/>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1" name="OTLSHAPE_SLT_fd3e0781d4a4437b926b549a50096dd4_ShapePercentage" hidden="1">
            <a:extLst>
              <a:ext uri="{FF2B5EF4-FFF2-40B4-BE49-F238E27FC236}">
                <a16:creationId xmlns:a16="http://schemas.microsoft.com/office/drawing/2014/main" id="{AFB65364-6E62-4ABA-A2F7-58336761F452}"/>
              </a:ext>
            </a:extLst>
          </p:cNvPr>
          <p:cNvSpPr/>
          <p:nvPr>
            <p:custDataLst>
              <p:tags r:id="rId58"/>
            </p:custDataLst>
          </p:nvPr>
        </p:nvSpPr>
        <p:spPr>
          <a:xfrm>
            <a:off x="2805482" y="455476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9" name="OTLSHAPE_SLT_0954a7a4914749069ff769ff089a288c_ShapePercentage" hidden="1">
            <a:extLst>
              <a:ext uri="{FF2B5EF4-FFF2-40B4-BE49-F238E27FC236}">
                <a16:creationId xmlns:a16="http://schemas.microsoft.com/office/drawing/2014/main" id="{AB741473-CBC3-4EBE-BD49-047E55591A78}"/>
              </a:ext>
            </a:extLst>
          </p:cNvPr>
          <p:cNvSpPr/>
          <p:nvPr>
            <p:custDataLst>
              <p:tags r:id="rId59"/>
            </p:custDataLst>
          </p:nvPr>
        </p:nvSpPr>
        <p:spPr>
          <a:xfrm>
            <a:off x="4295649" y="4554760"/>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77" name="OTLSHAPE_SLT_aebc933e81a54141b7eb8e3b073627cc_ShapePercentage" hidden="1">
            <a:extLst>
              <a:ext uri="{FF2B5EF4-FFF2-40B4-BE49-F238E27FC236}">
                <a16:creationId xmlns:a16="http://schemas.microsoft.com/office/drawing/2014/main" id="{D750493E-8592-4887-B317-FA9EC4B29BD6}"/>
              </a:ext>
            </a:extLst>
          </p:cNvPr>
          <p:cNvSpPr/>
          <p:nvPr>
            <p:custDataLst>
              <p:tags r:id="rId60"/>
            </p:custDataLst>
          </p:nvPr>
        </p:nvSpPr>
        <p:spPr>
          <a:xfrm>
            <a:off x="1661514" y="4763379"/>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96" name="OTLSHAPE_SLT_5818d48c5af84f13935b8d327f505d0b_ShapePercentage" hidden="1">
            <a:extLst>
              <a:ext uri="{FF2B5EF4-FFF2-40B4-BE49-F238E27FC236}">
                <a16:creationId xmlns:a16="http://schemas.microsoft.com/office/drawing/2014/main" id="{C545430E-0118-4C37-88EE-F94874970B55}"/>
              </a:ext>
            </a:extLst>
          </p:cNvPr>
          <p:cNvSpPr/>
          <p:nvPr>
            <p:custDataLst>
              <p:tags r:id="rId61"/>
            </p:custDataLst>
          </p:nvPr>
        </p:nvSpPr>
        <p:spPr>
          <a:xfrm>
            <a:off x="4039762" y="5013738"/>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18" name="OTLSHAPE_SLT_40b5cb055cf54be28b41205edde20606_ShapePercentage" hidden="1">
            <a:extLst>
              <a:ext uri="{FF2B5EF4-FFF2-40B4-BE49-F238E27FC236}">
                <a16:creationId xmlns:a16="http://schemas.microsoft.com/office/drawing/2014/main" id="{C3146E67-5BD1-4B60-8448-5E97A378AAF3}"/>
              </a:ext>
            </a:extLst>
          </p:cNvPr>
          <p:cNvSpPr/>
          <p:nvPr>
            <p:custDataLst>
              <p:tags r:id="rId62"/>
            </p:custDataLst>
          </p:nvPr>
        </p:nvSpPr>
        <p:spPr>
          <a:xfrm>
            <a:off x="6177175" y="4554760"/>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92" name="OTLSHAPE_SLT_c716fc84e6d441988af52534773768a3_ShapePercentage" hidden="1">
            <a:extLst>
              <a:ext uri="{FF2B5EF4-FFF2-40B4-BE49-F238E27FC236}">
                <a16:creationId xmlns:a16="http://schemas.microsoft.com/office/drawing/2014/main" id="{D3C318A1-FC63-43B2-88AF-915C546F3DCB}"/>
              </a:ext>
            </a:extLst>
          </p:cNvPr>
          <p:cNvSpPr/>
          <p:nvPr>
            <p:custDataLst>
              <p:tags r:id="rId63"/>
            </p:custDataLst>
          </p:nvPr>
        </p:nvSpPr>
        <p:spPr>
          <a:xfrm>
            <a:off x="6207279" y="4763379"/>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295" name="OTLSHAPE_SLT_1125577a546f4142bbb7c122a8699caf_ShapePercentage" hidden="1">
            <a:extLst>
              <a:ext uri="{FF2B5EF4-FFF2-40B4-BE49-F238E27FC236}">
                <a16:creationId xmlns:a16="http://schemas.microsoft.com/office/drawing/2014/main" id="{8973B2BE-85F7-4576-B7A2-D01C1584137B}"/>
              </a:ext>
            </a:extLst>
          </p:cNvPr>
          <p:cNvSpPr/>
          <p:nvPr>
            <p:custDataLst>
              <p:tags r:id="rId64"/>
            </p:custDataLst>
          </p:nvPr>
        </p:nvSpPr>
        <p:spPr>
          <a:xfrm>
            <a:off x="6342749" y="5013738"/>
            <a:ext cx="0" cy="0"/>
          </a:xfrm>
          <a:prstGeom prst="roundRect">
            <a:avLst>
              <a:gd name="adj" fmla="val 10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241" name="OTLSHAPE_SLM_d7586e43de3d409a861f7d4353a5ac8c_Shape">
            <a:extLst>
              <a:ext uri="{FF2B5EF4-FFF2-40B4-BE49-F238E27FC236}">
                <a16:creationId xmlns:a16="http://schemas.microsoft.com/office/drawing/2014/main" id="{EC1D8541-1C6F-479C-8076-6BE399652BE1}"/>
              </a:ext>
            </a:extLst>
          </p:cNvPr>
          <p:cNvSpPr/>
          <p:nvPr>
            <p:custDataLst>
              <p:tags r:id="rId65"/>
            </p:custDataLst>
          </p:nvPr>
        </p:nvSpPr>
        <p:spPr>
          <a:xfrm>
            <a:off x="5174784" y="3048376"/>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44" name="OTLSHAPE_SLM_af59134ed1784b91aa0cf20dd1c7462f_Shape">
            <a:extLst>
              <a:ext uri="{FF2B5EF4-FFF2-40B4-BE49-F238E27FC236}">
                <a16:creationId xmlns:a16="http://schemas.microsoft.com/office/drawing/2014/main" id="{80EB7591-E6ED-40F0-8B76-91BD113737E1}"/>
              </a:ext>
            </a:extLst>
          </p:cNvPr>
          <p:cNvSpPr/>
          <p:nvPr>
            <p:custDataLst>
              <p:tags r:id="rId66"/>
            </p:custDataLst>
          </p:nvPr>
        </p:nvSpPr>
        <p:spPr>
          <a:xfrm>
            <a:off x="5611298" y="4263851"/>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47" name="OTLSHAPE_SLM_32b39abb0af74f6ab49ae2535256a727_Shape">
            <a:extLst>
              <a:ext uri="{FF2B5EF4-FFF2-40B4-BE49-F238E27FC236}">
                <a16:creationId xmlns:a16="http://schemas.microsoft.com/office/drawing/2014/main" id="{0EAAF222-08F1-4ABF-AD17-824EDF35A402}"/>
              </a:ext>
            </a:extLst>
          </p:cNvPr>
          <p:cNvSpPr/>
          <p:nvPr>
            <p:custDataLst>
              <p:tags r:id="rId67"/>
            </p:custDataLst>
          </p:nvPr>
        </p:nvSpPr>
        <p:spPr>
          <a:xfrm>
            <a:off x="5686559" y="5517425"/>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50" name="OTLSHAPE_SLM_710e41576c8f451aa16ece68807feeb4_Shape">
            <a:extLst>
              <a:ext uri="{FF2B5EF4-FFF2-40B4-BE49-F238E27FC236}">
                <a16:creationId xmlns:a16="http://schemas.microsoft.com/office/drawing/2014/main" id="{3B1368BC-3E32-4CC1-9D1D-198B2F39885C}"/>
              </a:ext>
            </a:extLst>
          </p:cNvPr>
          <p:cNvSpPr/>
          <p:nvPr>
            <p:custDataLst>
              <p:tags r:id="rId68"/>
            </p:custDataLst>
          </p:nvPr>
        </p:nvSpPr>
        <p:spPr>
          <a:xfrm>
            <a:off x="6092968" y="5517425"/>
            <a:ext cx="228600" cy="254000"/>
          </a:xfrm>
          <a:prstGeom prst="star5">
            <a:avLst>
              <a:gd name="adj" fmla="val 25000"/>
              <a:gd name="hf" fmla="val 105146"/>
              <a:gd name="vf" fmla="val 110557"/>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88" name="OTLSHAPE_SLT_43699d7878c44db89fc3e4d69f852d57_ShapePercentage" hidden="1">
            <a:extLst>
              <a:ext uri="{FF2B5EF4-FFF2-40B4-BE49-F238E27FC236}">
                <a16:creationId xmlns:a16="http://schemas.microsoft.com/office/drawing/2014/main" id="{20F5E7E8-CE17-4ABB-BEB2-2911372EEA07}"/>
              </a:ext>
            </a:extLst>
          </p:cNvPr>
          <p:cNvSpPr/>
          <p:nvPr>
            <p:custDataLst>
              <p:tags r:id="rId69"/>
            </p:custDataLst>
          </p:nvPr>
        </p:nvSpPr>
        <p:spPr>
          <a:xfrm>
            <a:off x="5695494" y="2842207"/>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18" name="OTLSHAPE_SLT_e95eb4e8825743c690235ec2c8158fd2_ShapePercentage" hidden="1">
            <a:extLst>
              <a:ext uri="{FF2B5EF4-FFF2-40B4-BE49-F238E27FC236}">
                <a16:creationId xmlns:a16="http://schemas.microsoft.com/office/drawing/2014/main" id="{5368B84B-F4C0-4A07-BBE8-43A0BF5F0740}"/>
              </a:ext>
            </a:extLst>
          </p:cNvPr>
          <p:cNvSpPr/>
          <p:nvPr>
            <p:custDataLst>
              <p:tags r:id="rId70"/>
            </p:custDataLst>
          </p:nvPr>
        </p:nvSpPr>
        <p:spPr>
          <a:xfrm>
            <a:off x="6342738" y="4057682"/>
            <a:ext cx="0" cy="0"/>
          </a:xfrm>
          <a:prstGeom prst="rightArrow">
            <a:avLst>
              <a:gd name="adj1" fmla="val 75000"/>
              <a:gd name="adj2" fmla="val 50000"/>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203" name="OTLSHAPE_SLT_f5ab5ae60e91435fa70e37a436a41cab_ShapePercentage" hidden="1">
            <a:extLst>
              <a:ext uri="{FF2B5EF4-FFF2-40B4-BE49-F238E27FC236}">
                <a16:creationId xmlns:a16="http://schemas.microsoft.com/office/drawing/2014/main" id="{1C810233-1A76-44B1-AA44-4A50BD6CBB56}"/>
              </a:ext>
            </a:extLst>
          </p:cNvPr>
          <p:cNvSpPr/>
          <p:nvPr>
            <p:custDataLst>
              <p:tags r:id="rId71"/>
            </p:custDataLst>
          </p:nvPr>
        </p:nvSpPr>
        <p:spPr>
          <a:xfrm>
            <a:off x="6342749" y="5311257"/>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21" name="OTLSHAPE_SL_4aae7934cdcc4eb2879ed09dc77663c1_Header">
            <a:extLst>
              <a:ext uri="{FF2B5EF4-FFF2-40B4-BE49-F238E27FC236}">
                <a16:creationId xmlns:a16="http://schemas.microsoft.com/office/drawing/2014/main" id="{F67A2FB4-8BFB-4053-827E-96DA78434D2A}"/>
              </a:ext>
            </a:extLst>
          </p:cNvPr>
          <p:cNvSpPr txBox="1"/>
          <p:nvPr>
            <p:custDataLst>
              <p:tags r:id="rId72"/>
            </p:custDataLst>
          </p:nvPr>
        </p:nvSpPr>
        <p:spPr>
          <a:xfrm>
            <a:off x="63500" y="2104533"/>
            <a:ext cx="800100" cy="186055"/>
          </a:xfrm>
          <a:prstGeom prst="rect">
            <a:avLst/>
          </a:prstGeom>
          <a:noFill/>
        </p:spPr>
        <p:txBody>
          <a:bodyPr vert="horz" wrap="square" lIns="0" tIns="0" rIns="0" bIns="0" rtlCol="0" anchor="ctr" anchorCtr="0">
            <a:noAutofit/>
          </a:bodyPr>
          <a:lstStyle/>
          <a:p>
            <a:pPr algn="ctr"/>
            <a:r>
              <a:rPr lang="en-SG" sz="1200">
                <a:solidFill>
                  <a:srgbClr val="161C23"/>
                </a:solidFill>
                <a:latin typeface="Calibri" panose="020F0502020204030204" pitchFamily="34" charset="0"/>
              </a:rPr>
              <a:t>Singapore</a:t>
            </a:r>
          </a:p>
        </p:txBody>
      </p:sp>
      <p:sp>
        <p:nvSpPr>
          <p:cNvPr id="47" name="OTLSHAPE_SL_31e8f008a48844709c8200bee4c893e4_Header">
            <a:extLst>
              <a:ext uri="{FF2B5EF4-FFF2-40B4-BE49-F238E27FC236}">
                <a16:creationId xmlns:a16="http://schemas.microsoft.com/office/drawing/2014/main" id="{48ADF4B7-C23A-4750-B219-EBCAA3F1C9B9}"/>
              </a:ext>
            </a:extLst>
          </p:cNvPr>
          <p:cNvSpPr txBox="1"/>
          <p:nvPr>
            <p:custDataLst>
              <p:tags r:id="rId73"/>
            </p:custDataLst>
          </p:nvPr>
        </p:nvSpPr>
        <p:spPr>
          <a:xfrm>
            <a:off x="63500" y="2990739"/>
            <a:ext cx="800100" cy="186055"/>
          </a:xfrm>
          <a:prstGeom prst="rect">
            <a:avLst/>
          </a:prstGeom>
          <a:noFill/>
        </p:spPr>
        <p:txBody>
          <a:bodyPr vert="horz" wrap="square" lIns="0" tIns="0" rIns="0" bIns="0" rtlCol="0" anchor="ctr" anchorCtr="0">
            <a:noAutofit/>
          </a:bodyPr>
          <a:lstStyle/>
          <a:p>
            <a:pPr algn="ctr"/>
            <a:r>
              <a:rPr lang="en-SG" sz="1200">
                <a:solidFill>
                  <a:srgbClr val="152542"/>
                </a:solidFill>
                <a:latin typeface="Calibri" panose="020F0502020204030204" pitchFamily="34" charset="0"/>
              </a:rPr>
              <a:t>Uganda</a:t>
            </a:r>
          </a:p>
        </p:txBody>
      </p:sp>
      <p:sp>
        <p:nvSpPr>
          <p:cNvPr id="109" name="OTLSHAPE_SL_421290155cc24cf2a8c517436f50b383_Header">
            <a:extLst>
              <a:ext uri="{FF2B5EF4-FFF2-40B4-BE49-F238E27FC236}">
                <a16:creationId xmlns:a16="http://schemas.microsoft.com/office/drawing/2014/main" id="{DB543D4B-8300-4EAE-B072-87BA23550F69}"/>
              </a:ext>
            </a:extLst>
          </p:cNvPr>
          <p:cNvSpPr txBox="1"/>
          <p:nvPr>
            <p:custDataLst>
              <p:tags r:id="rId74"/>
            </p:custDataLst>
          </p:nvPr>
        </p:nvSpPr>
        <p:spPr>
          <a:xfrm>
            <a:off x="63500" y="4120955"/>
            <a:ext cx="800100" cy="186055"/>
          </a:xfrm>
          <a:prstGeom prst="rect">
            <a:avLst/>
          </a:prstGeom>
          <a:noFill/>
        </p:spPr>
        <p:txBody>
          <a:bodyPr vert="horz" wrap="square" lIns="0" tIns="0" rIns="0" bIns="0" rtlCol="0" anchor="ctr" anchorCtr="0">
            <a:noAutofit/>
          </a:bodyPr>
          <a:lstStyle/>
          <a:p>
            <a:pPr algn="ctr"/>
            <a:r>
              <a:rPr lang="en-SG" sz="1200">
                <a:solidFill>
                  <a:srgbClr val="582707"/>
                </a:solidFill>
                <a:latin typeface="Calibri" panose="020F0502020204030204" pitchFamily="34" charset="0"/>
              </a:rPr>
              <a:t>Vietnam</a:t>
            </a:r>
          </a:p>
        </p:txBody>
      </p:sp>
      <p:sp>
        <p:nvSpPr>
          <p:cNvPr id="143" name="OTLSHAPE_SL_bbda98c77fdd4eb489543e73fe343807_Header">
            <a:extLst>
              <a:ext uri="{FF2B5EF4-FFF2-40B4-BE49-F238E27FC236}">
                <a16:creationId xmlns:a16="http://schemas.microsoft.com/office/drawing/2014/main" id="{6BD112A9-0BF1-4EE0-A885-1192968398C2}"/>
              </a:ext>
            </a:extLst>
          </p:cNvPr>
          <p:cNvSpPr txBox="1"/>
          <p:nvPr>
            <p:custDataLst>
              <p:tags r:id="rId75"/>
            </p:custDataLst>
          </p:nvPr>
        </p:nvSpPr>
        <p:spPr>
          <a:xfrm>
            <a:off x="63500" y="5355479"/>
            <a:ext cx="800100" cy="186055"/>
          </a:xfrm>
          <a:prstGeom prst="rect">
            <a:avLst/>
          </a:prstGeom>
          <a:noFill/>
        </p:spPr>
        <p:txBody>
          <a:bodyPr vert="horz" wrap="square" lIns="0" tIns="0" rIns="0" bIns="0" rtlCol="0" anchor="ctr" anchorCtr="0">
            <a:noAutofit/>
          </a:bodyPr>
          <a:lstStyle/>
          <a:p>
            <a:pPr algn="ctr"/>
            <a:r>
              <a:rPr lang="en-SG" sz="1200">
                <a:solidFill>
                  <a:srgbClr val="373737"/>
                </a:solidFill>
                <a:latin typeface="Calibri" panose="020F0502020204030204" pitchFamily="34" charset="0"/>
              </a:rPr>
              <a:t>Philippines</a:t>
            </a:r>
          </a:p>
        </p:txBody>
      </p:sp>
      <p:sp>
        <p:nvSpPr>
          <p:cNvPr id="6" name="OTLSHAPE_TB_00000000000000000000000000000000_TodayMarkerShape" hidden="1">
            <a:extLst>
              <a:ext uri="{FF2B5EF4-FFF2-40B4-BE49-F238E27FC236}">
                <a16:creationId xmlns:a16="http://schemas.microsoft.com/office/drawing/2014/main" id="{6D074185-698C-45C9-8686-0761F9E8E233}"/>
              </a:ext>
            </a:extLst>
          </p:cNvPr>
          <p:cNvSpPr/>
          <p:nvPr>
            <p:custDataLst>
              <p:tags r:id="rId76"/>
            </p:custDataLst>
          </p:nvPr>
        </p:nvSpPr>
        <p:spPr>
          <a:xfrm>
            <a:off x="947880" y="1116955"/>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7" name="OTLSHAPE_TB_00000000000000000000000000000000_TodayMarkerText" hidden="1">
            <a:extLst>
              <a:ext uri="{FF2B5EF4-FFF2-40B4-BE49-F238E27FC236}">
                <a16:creationId xmlns:a16="http://schemas.microsoft.com/office/drawing/2014/main" id="{90517285-1A54-4A7C-9E74-8B5C769165C0}"/>
              </a:ext>
            </a:extLst>
          </p:cNvPr>
          <p:cNvSpPr txBox="1"/>
          <p:nvPr>
            <p:custDataLst>
              <p:tags r:id="rId77"/>
            </p:custDataLst>
          </p:nvPr>
        </p:nvSpPr>
        <p:spPr>
          <a:xfrm>
            <a:off x="7276677" y="1631130"/>
            <a:ext cx="0" cy="0"/>
          </a:xfrm>
          <a:prstGeom prst="rect">
            <a:avLst/>
          </a:prstGeom>
          <a:noFill/>
        </p:spPr>
        <p:txBody>
          <a:bodyPr vert="horz" wrap="none" lIns="0" tIns="0" rIns="0" bIns="0" rtlCol="0" anchor="ctr" anchorCtr="0">
            <a:spAutoFit/>
          </a:bodyPr>
          <a:lstStyle/>
          <a:p>
            <a:pPr algn="ctr"/>
            <a:r>
              <a:rPr lang="en-SG" sz="1200" spc="-9">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E5801643-DA2C-43A9-A7E0-62EF2800CB6A}"/>
              </a:ext>
            </a:extLst>
          </p:cNvPr>
          <p:cNvSpPr txBox="1"/>
          <p:nvPr>
            <p:custDataLst>
              <p:tags r:id="rId78"/>
            </p:custDataLst>
          </p:nvPr>
        </p:nvSpPr>
        <p:spPr>
          <a:xfrm>
            <a:off x="1047665" y="1446483"/>
            <a:ext cx="249364" cy="177800"/>
          </a:xfrm>
          <a:prstGeom prst="rect">
            <a:avLst/>
          </a:prstGeom>
          <a:noFill/>
        </p:spPr>
        <p:txBody>
          <a:bodyPr vert="horz" wrap="none" lIns="0" tIns="0" rIns="0" bIns="0" rtlCol="0" anchor="ctr" anchorCtr="0">
            <a:noAutofit/>
          </a:bodyPr>
          <a:lstStyle/>
          <a:p>
            <a:r>
              <a:rPr lang="en-SG" sz="1200" spc="-20">
                <a:solidFill>
                  <a:schemeClr val="lt1"/>
                </a:solidFill>
                <a:latin typeface="Calibri" panose="020F0502020204030204" pitchFamily="34" charset="0"/>
              </a:rPr>
              <a:t>Nov</a:t>
            </a:r>
          </a:p>
        </p:txBody>
      </p:sp>
      <p:sp>
        <p:nvSpPr>
          <p:cNvPr id="9" name="OTLSHAPE_TB_00000000000000000000000000000000_TimescaleInterval2">
            <a:extLst>
              <a:ext uri="{FF2B5EF4-FFF2-40B4-BE49-F238E27FC236}">
                <a16:creationId xmlns:a16="http://schemas.microsoft.com/office/drawing/2014/main" id="{94E0FEAA-BD0D-4486-86F8-4604F4F2E1A7}"/>
              </a:ext>
            </a:extLst>
          </p:cNvPr>
          <p:cNvSpPr txBox="1"/>
          <p:nvPr>
            <p:custDataLst>
              <p:tags r:id="rId79"/>
            </p:custDataLst>
          </p:nvPr>
        </p:nvSpPr>
        <p:spPr>
          <a:xfrm>
            <a:off x="1965850" y="1446483"/>
            <a:ext cx="203582" cy="177800"/>
          </a:xfrm>
          <a:prstGeom prst="rect">
            <a:avLst/>
          </a:prstGeom>
          <a:noFill/>
        </p:spPr>
        <p:txBody>
          <a:bodyPr vert="horz" wrap="none" lIns="0" tIns="0" rIns="0" bIns="0" rtlCol="0" anchor="ctr" anchorCtr="0">
            <a:noAutofit/>
          </a:bodyPr>
          <a:lstStyle/>
          <a:p>
            <a:r>
              <a:rPr lang="en-SG" sz="1200" spc="-20">
                <a:solidFill>
                  <a:schemeClr val="lt1"/>
                </a:solidFill>
                <a:latin typeface="Calibri" panose="020F0502020204030204" pitchFamily="34" charset="0"/>
              </a:rPr>
              <a:t>Jan</a:t>
            </a:r>
          </a:p>
        </p:txBody>
      </p:sp>
      <p:sp>
        <p:nvSpPr>
          <p:cNvPr id="10" name="OTLSHAPE_TB_00000000000000000000000000000000_TimescaleInterval3">
            <a:extLst>
              <a:ext uri="{FF2B5EF4-FFF2-40B4-BE49-F238E27FC236}">
                <a16:creationId xmlns:a16="http://schemas.microsoft.com/office/drawing/2014/main" id="{31D11552-F4B1-47B0-A636-4A9EC6DF4616}"/>
              </a:ext>
            </a:extLst>
          </p:cNvPr>
          <p:cNvSpPr txBox="1"/>
          <p:nvPr>
            <p:custDataLst>
              <p:tags r:id="rId80"/>
            </p:custDataLst>
          </p:nvPr>
        </p:nvSpPr>
        <p:spPr>
          <a:xfrm>
            <a:off x="2868982" y="1446483"/>
            <a:ext cx="258084" cy="177800"/>
          </a:xfrm>
          <a:prstGeom prst="rect">
            <a:avLst/>
          </a:prstGeom>
          <a:noFill/>
        </p:spPr>
        <p:txBody>
          <a:bodyPr vert="horz" wrap="none" lIns="0" tIns="0" rIns="0" bIns="0" rtlCol="0" anchor="ctr" anchorCtr="0">
            <a:noAutofit/>
          </a:bodyPr>
          <a:lstStyle/>
          <a:p>
            <a:r>
              <a:rPr lang="en-SG" sz="1200" spc="-18">
                <a:solidFill>
                  <a:schemeClr val="lt1"/>
                </a:solidFill>
                <a:latin typeface="Calibri" panose="020F0502020204030204" pitchFamily="34" charset="0"/>
              </a:rPr>
              <a:t>Mar</a:t>
            </a:r>
          </a:p>
        </p:txBody>
      </p:sp>
      <p:sp>
        <p:nvSpPr>
          <p:cNvPr id="11" name="OTLSHAPE_TB_00000000000000000000000000000000_TimescaleInterval4">
            <a:extLst>
              <a:ext uri="{FF2B5EF4-FFF2-40B4-BE49-F238E27FC236}">
                <a16:creationId xmlns:a16="http://schemas.microsoft.com/office/drawing/2014/main" id="{B05D3CF8-5ABE-4023-8F12-1F770CBD69E0}"/>
              </a:ext>
            </a:extLst>
          </p:cNvPr>
          <p:cNvSpPr txBox="1"/>
          <p:nvPr>
            <p:custDataLst>
              <p:tags r:id="rId81"/>
            </p:custDataLst>
          </p:nvPr>
        </p:nvSpPr>
        <p:spPr>
          <a:xfrm>
            <a:off x="3787166" y="1446483"/>
            <a:ext cx="271228" cy="177800"/>
          </a:xfrm>
          <a:prstGeom prst="rect">
            <a:avLst/>
          </a:prstGeom>
          <a:noFill/>
        </p:spPr>
        <p:txBody>
          <a:bodyPr vert="horz" wrap="none" lIns="0" tIns="0" rIns="0" bIns="0" rtlCol="0" anchor="ctr" anchorCtr="0">
            <a:noAutofit/>
          </a:bodyPr>
          <a:lstStyle/>
          <a:p>
            <a:r>
              <a:rPr lang="en-SG" sz="1200" spc="-18">
                <a:solidFill>
                  <a:schemeClr val="lt1"/>
                </a:solidFill>
                <a:latin typeface="Calibri" panose="020F0502020204030204" pitchFamily="34" charset="0"/>
              </a:rPr>
              <a:t>May</a:t>
            </a:r>
          </a:p>
        </p:txBody>
      </p:sp>
      <p:sp>
        <p:nvSpPr>
          <p:cNvPr id="12" name="OTLSHAPE_TB_00000000000000000000000000000000_TimescaleInterval5">
            <a:extLst>
              <a:ext uri="{FF2B5EF4-FFF2-40B4-BE49-F238E27FC236}">
                <a16:creationId xmlns:a16="http://schemas.microsoft.com/office/drawing/2014/main" id="{EEDF29BC-54AF-4EAE-877E-E2D06126A168}"/>
              </a:ext>
            </a:extLst>
          </p:cNvPr>
          <p:cNvSpPr txBox="1"/>
          <p:nvPr>
            <p:custDataLst>
              <p:tags r:id="rId82"/>
            </p:custDataLst>
          </p:nvPr>
        </p:nvSpPr>
        <p:spPr>
          <a:xfrm>
            <a:off x="4705350" y="1446483"/>
            <a:ext cx="158185" cy="177800"/>
          </a:xfrm>
          <a:prstGeom prst="rect">
            <a:avLst/>
          </a:prstGeom>
          <a:noFill/>
        </p:spPr>
        <p:txBody>
          <a:bodyPr vert="horz" wrap="none" lIns="0" tIns="0" rIns="0" bIns="0" rtlCol="0" anchor="ctr" anchorCtr="0">
            <a:noAutofit/>
          </a:bodyPr>
          <a:lstStyle/>
          <a:p>
            <a:r>
              <a:rPr lang="en-SG" sz="1200" spc="-20">
                <a:solidFill>
                  <a:schemeClr val="lt1"/>
                </a:solidFill>
                <a:latin typeface="Calibri" panose="020F0502020204030204" pitchFamily="34" charset="0"/>
              </a:rPr>
              <a:t>Jul</a:t>
            </a:r>
          </a:p>
        </p:txBody>
      </p:sp>
      <p:sp>
        <p:nvSpPr>
          <p:cNvPr id="13" name="OTLSHAPE_TB_00000000000000000000000000000000_ScaleMarking1">
            <a:extLst>
              <a:ext uri="{FF2B5EF4-FFF2-40B4-BE49-F238E27FC236}">
                <a16:creationId xmlns:a16="http://schemas.microsoft.com/office/drawing/2014/main" id="{F2142F50-F040-4AF3-9ACF-953E5526EE1C}"/>
              </a:ext>
            </a:extLst>
          </p:cNvPr>
          <p:cNvSpPr txBox="1"/>
          <p:nvPr>
            <p:custDataLst>
              <p:tags r:id="rId83"/>
            </p:custDataLst>
          </p:nvPr>
        </p:nvSpPr>
        <p:spPr>
          <a:xfrm>
            <a:off x="1047665" y="1222328"/>
            <a:ext cx="304955" cy="186055"/>
          </a:xfrm>
          <a:prstGeom prst="rect">
            <a:avLst/>
          </a:prstGeom>
          <a:noFill/>
        </p:spPr>
        <p:txBody>
          <a:bodyPr vert="horz" wrap="none" lIns="0" tIns="0" rIns="0" bIns="0" rtlCol="0" anchor="ctr" anchorCtr="0">
            <a:noAutofit/>
          </a:bodyPr>
          <a:lstStyle/>
          <a:p>
            <a:r>
              <a:rPr lang="en-SG" sz="1200" spc="-20">
                <a:solidFill>
                  <a:schemeClr val="dk2"/>
                </a:solidFill>
                <a:latin typeface="Calibri" panose="020F0502020204030204" pitchFamily="34" charset="0"/>
              </a:rPr>
              <a:t>2019</a:t>
            </a:r>
          </a:p>
        </p:txBody>
      </p:sp>
      <p:sp>
        <p:nvSpPr>
          <p:cNvPr id="14" name="OTLSHAPE_TB_00000000000000000000000000000000_ScaleMarking2">
            <a:extLst>
              <a:ext uri="{FF2B5EF4-FFF2-40B4-BE49-F238E27FC236}">
                <a16:creationId xmlns:a16="http://schemas.microsoft.com/office/drawing/2014/main" id="{950B1185-54E3-407C-BD98-402825C187E6}"/>
              </a:ext>
            </a:extLst>
          </p:cNvPr>
          <p:cNvSpPr txBox="1"/>
          <p:nvPr>
            <p:custDataLst>
              <p:tags r:id="rId84"/>
            </p:custDataLst>
          </p:nvPr>
        </p:nvSpPr>
        <p:spPr>
          <a:xfrm>
            <a:off x="1965850" y="1222328"/>
            <a:ext cx="304955" cy="186055"/>
          </a:xfrm>
          <a:prstGeom prst="rect">
            <a:avLst/>
          </a:prstGeom>
          <a:noFill/>
        </p:spPr>
        <p:txBody>
          <a:bodyPr vert="horz" wrap="none" lIns="0" tIns="0" rIns="0" bIns="0" rtlCol="0" anchor="ctr" anchorCtr="0">
            <a:noAutofit/>
          </a:bodyPr>
          <a:lstStyle/>
          <a:p>
            <a:r>
              <a:rPr lang="en-SG" sz="1200" spc="-20">
                <a:solidFill>
                  <a:schemeClr val="dk2"/>
                </a:solidFill>
                <a:latin typeface="Calibri" panose="020F0502020204030204" pitchFamily="34" charset="0"/>
              </a:rPr>
              <a:t>2020</a:t>
            </a:r>
          </a:p>
        </p:txBody>
      </p:sp>
      <p:sp>
        <p:nvSpPr>
          <p:cNvPr id="28" name="OTLSHAPE_SLT_cf74e01d93be45bab98c5fa9bac974e2_Duration" hidden="1">
            <a:extLst>
              <a:ext uri="{FF2B5EF4-FFF2-40B4-BE49-F238E27FC236}">
                <a16:creationId xmlns:a16="http://schemas.microsoft.com/office/drawing/2014/main" id="{A64EA2E8-A59C-4B34-8739-6387F67E2F6F}"/>
              </a:ext>
            </a:extLst>
          </p:cNvPr>
          <p:cNvSpPr txBox="1"/>
          <p:nvPr>
            <p:custDataLst>
              <p:tags r:id="rId85"/>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66 days</a:t>
            </a:r>
          </a:p>
        </p:txBody>
      </p:sp>
      <p:sp>
        <p:nvSpPr>
          <p:cNvPr id="29" name="OTLSHAPE_SLT_cf74e01d93be45bab98c5fa9bac974e2_TextPercentage" hidden="1">
            <a:extLst>
              <a:ext uri="{FF2B5EF4-FFF2-40B4-BE49-F238E27FC236}">
                <a16:creationId xmlns:a16="http://schemas.microsoft.com/office/drawing/2014/main" id="{31233766-148E-40F5-99CB-AE17A5402291}"/>
              </a:ext>
            </a:extLst>
          </p:cNvPr>
          <p:cNvSpPr txBox="1"/>
          <p:nvPr>
            <p:custDataLst>
              <p:tags r:id="rId86"/>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30" name="OTLSHAPE_SLT_cf74e01d93be45bab98c5fa9bac974e2_StartDate" hidden="1">
            <a:extLst>
              <a:ext uri="{FF2B5EF4-FFF2-40B4-BE49-F238E27FC236}">
                <a16:creationId xmlns:a16="http://schemas.microsoft.com/office/drawing/2014/main" id="{E0A51D98-CFAC-404A-A101-7F7ED509E28C}"/>
              </a:ext>
            </a:extLst>
          </p:cNvPr>
          <p:cNvSpPr txBox="1"/>
          <p:nvPr>
            <p:custDataLst>
              <p:tags r:id="rId87"/>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31" name="OTLSHAPE_SLT_cf74e01d93be45bab98c5fa9bac974e2_EndDate" hidden="1">
            <a:extLst>
              <a:ext uri="{FF2B5EF4-FFF2-40B4-BE49-F238E27FC236}">
                <a16:creationId xmlns:a16="http://schemas.microsoft.com/office/drawing/2014/main" id="{F3D539B6-BD1E-434B-9D31-A9926D0F925C}"/>
              </a:ext>
            </a:extLst>
          </p:cNvPr>
          <p:cNvSpPr txBox="1"/>
          <p:nvPr>
            <p:custDataLst>
              <p:tags r:id="rId88"/>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33" name="OTLSHAPE_SLT_cf74e01d93be45bab98c5fa9bac974e2_Title">
            <a:extLst>
              <a:ext uri="{FF2B5EF4-FFF2-40B4-BE49-F238E27FC236}">
                <a16:creationId xmlns:a16="http://schemas.microsoft.com/office/drawing/2014/main" id="{01F3D9F0-D587-463A-97F0-5B74F052774A}"/>
              </a:ext>
            </a:extLst>
          </p:cNvPr>
          <p:cNvSpPr txBox="1"/>
          <p:nvPr>
            <p:custDataLst>
              <p:tags r:id="rId89"/>
            </p:custDataLst>
          </p:nvPr>
        </p:nvSpPr>
        <p:spPr>
          <a:xfrm>
            <a:off x="2032798" y="2112301"/>
            <a:ext cx="317500" cy="170519"/>
          </a:xfrm>
          <a:prstGeom prst="rect">
            <a:avLst/>
          </a:prstGeom>
          <a:noFill/>
        </p:spPr>
        <p:txBody>
          <a:bodyPr vert="horz" wrap="square" lIns="0" tIns="0" rIns="0" bIns="0" rtlCol="0" anchor="ctr" anchorCtr="0">
            <a:spAutoFit/>
          </a:bodyPr>
          <a:lstStyle/>
          <a:p>
            <a:pPr algn="ctr"/>
            <a:r>
              <a:rPr lang="en-SG" sz="1100" b="1" spc="-12">
                <a:solidFill>
                  <a:schemeClr val="dk1"/>
                </a:solidFill>
                <a:latin typeface="Calibri" panose="020F0502020204030204" pitchFamily="34" charset="0"/>
              </a:rPr>
              <a:t>DSRB</a:t>
            </a:r>
          </a:p>
        </p:txBody>
      </p:sp>
      <p:sp>
        <p:nvSpPr>
          <p:cNvPr id="36" name="OTLSHAPE_SLT_245197a3ef3b4fe28bec6b8e59a532a4_Duration" hidden="1">
            <a:extLst>
              <a:ext uri="{FF2B5EF4-FFF2-40B4-BE49-F238E27FC236}">
                <a16:creationId xmlns:a16="http://schemas.microsoft.com/office/drawing/2014/main" id="{829BFEE6-1B7D-4C02-B918-36EDE2F2790C}"/>
              </a:ext>
            </a:extLst>
          </p:cNvPr>
          <p:cNvSpPr txBox="1"/>
          <p:nvPr>
            <p:custDataLst>
              <p:tags r:id="rId90"/>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50 days</a:t>
            </a:r>
          </a:p>
        </p:txBody>
      </p:sp>
      <p:sp>
        <p:nvSpPr>
          <p:cNvPr id="37" name="OTLSHAPE_SLT_245197a3ef3b4fe28bec6b8e59a532a4_TextPercentage" hidden="1">
            <a:extLst>
              <a:ext uri="{FF2B5EF4-FFF2-40B4-BE49-F238E27FC236}">
                <a16:creationId xmlns:a16="http://schemas.microsoft.com/office/drawing/2014/main" id="{5CB7B9B3-87C7-4070-B103-CE88100ACB3E}"/>
              </a:ext>
            </a:extLst>
          </p:cNvPr>
          <p:cNvSpPr txBox="1"/>
          <p:nvPr>
            <p:custDataLst>
              <p:tags r:id="rId91"/>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38" name="OTLSHAPE_SLT_245197a3ef3b4fe28bec6b8e59a532a4_StartDate" hidden="1">
            <a:extLst>
              <a:ext uri="{FF2B5EF4-FFF2-40B4-BE49-F238E27FC236}">
                <a16:creationId xmlns:a16="http://schemas.microsoft.com/office/drawing/2014/main" id="{1ED82F73-307B-4175-BF8A-208EFEF8A860}"/>
              </a:ext>
            </a:extLst>
          </p:cNvPr>
          <p:cNvSpPr txBox="1"/>
          <p:nvPr>
            <p:custDataLst>
              <p:tags r:id="rId92"/>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39" name="OTLSHAPE_SLT_245197a3ef3b4fe28bec6b8e59a532a4_EndDate" hidden="1">
            <a:extLst>
              <a:ext uri="{FF2B5EF4-FFF2-40B4-BE49-F238E27FC236}">
                <a16:creationId xmlns:a16="http://schemas.microsoft.com/office/drawing/2014/main" id="{5DB2374B-C9DD-4E60-B276-5B8EE09D0932}"/>
              </a:ext>
            </a:extLst>
          </p:cNvPr>
          <p:cNvSpPr txBox="1"/>
          <p:nvPr>
            <p:custDataLst>
              <p:tags r:id="rId93"/>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41" name="OTLSHAPE_SLT_245197a3ef3b4fe28bec6b8e59a532a4_Title">
            <a:extLst>
              <a:ext uri="{FF2B5EF4-FFF2-40B4-BE49-F238E27FC236}">
                <a16:creationId xmlns:a16="http://schemas.microsoft.com/office/drawing/2014/main" id="{AFE4359E-3EF6-4CFE-B568-A977626627AB}"/>
              </a:ext>
            </a:extLst>
          </p:cNvPr>
          <p:cNvSpPr txBox="1"/>
          <p:nvPr>
            <p:custDataLst>
              <p:tags r:id="rId94"/>
            </p:custDataLst>
          </p:nvPr>
        </p:nvSpPr>
        <p:spPr>
          <a:xfrm>
            <a:off x="2235356" y="2320920"/>
            <a:ext cx="241300" cy="170519"/>
          </a:xfrm>
          <a:prstGeom prst="rect">
            <a:avLst/>
          </a:prstGeom>
          <a:noFill/>
        </p:spPr>
        <p:txBody>
          <a:bodyPr vert="horz" wrap="square" lIns="0" tIns="0" rIns="0" bIns="0" rtlCol="0" anchor="ctr" anchorCtr="0">
            <a:spAutoFit/>
          </a:bodyPr>
          <a:lstStyle/>
          <a:p>
            <a:pPr algn="ctr"/>
            <a:r>
              <a:rPr lang="en-SG" sz="1100" b="1" spc="-18">
                <a:solidFill>
                  <a:schemeClr val="dk1"/>
                </a:solidFill>
                <a:latin typeface="Calibri" panose="020F0502020204030204" pitchFamily="34" charset="0"/>
              </a:rPr>
              <a:t>HSA</a:t>
            </a:r>
          </a:p>
        </p:txBody>
      </p:sp>
      <p:sp>
        <p:nvSpPr>
          <p:cNvPr id="42" name="OTLSHAPE_TB_00000000000000000000000000000000_TimescaleInterval6">
            <a:extLst>
              <a:ext uri="{FF2B5EF4-FFF2-40B4-BE49-F238E27FC236}">
                <a16:creationId xmlns:a16="http://schemas.microsoft.com/office/drawing/2014/main" id="{114D208F-3C41-4DEC-B8DD-4F552716360E}"/>
              </a:ext>
            </a:extLst>
          </p:cNvPr>
          <p:cNvSpPr txBox="1"/>
          <p:nvPr>
            <p:custDataLst>
              <p:tags r:id="rId95"/>
            </p:custDataLst>
          </p:nvPr>
        </p:nvSpPr>
        <p:spPr>
          <a:xfrm>
            <a:off x="5638586" y="1446483"/>
            <a:ext cx="227626" cy="177800"/>
          </a:xfrm>
          <a:prstGeom prst="rect">
            <a:avLst/>
          </a:prstGeom>
          <a:noFill/>
        </p:spPr>
        <p:txBody>
          <a:bodyPr vert="horz" wrap="none" lIns="0" tIns="0" rIns="0" bIns="0" rtlCol="0" anchor="ctr" anchorCtr="0">
            <a:noAutofit/>
          </a:bodyPr>
          <a:lstStyle/>
          <a:p>
            <a:r>
              <a:rPr lang="en-SG" sz="1200" spc="-18">
                <a:solidFill>
                  <a:schemeClr val="lt1"/>
                </a:solidFill>
                <a:latin typeface="Calibri" panose="020F0502020204030204" pitchFamily="34" charset="0"/>
              </a:rPr>
              <a:t>Sep</a:t>
            </a:r>
          </a:p>
        </p:txBody>
      </p:sp>
      <p:sp>
        <p:nvSpPr>
          <p:cNvPr id="43" name="OTLSHAPE_TB_00000000000000000000000000000000_TimescaleInterval7">
            <a:extLst>
              <a:ext uri="{FF2B5EF4-FFF2-40B4-BE49-F238E27FC236}">
                <a16:creationId xmlns:a16="http://schemas.microsoft.com/office/drawing/2014/main" id="{2E9330FA-204A-4239-971B-8EEAEF7C355F}"/>
              </a:ext>
            </a:extLst>
          </p:cNvPr>
          <p:cNvSpPr txBox="1"/>
          <p:nvPr>
            <p:custDataLst>
              <p:tags r:id="rId96"/>
            </p:custDataLst>
          </p:nvPr>
        </p:nvSpPr>
        <p:spPr>
          <a:xfrm>
            <a:off x="6556771" y="1446483"/>
            <a:ext cx="249364" cy="177800"/>
          </a:xfrm>
          <a:prstGeom prst="rect">
            <a:avLst/>
          </a:prstGeom>
          <a:noFill/>
        </p:spPr>
        <p:txBody>
          <a:bodyPr vert="horz" wrap="none" lIns="0" tIns="0" rIns="0" bIns="0" rtlCol="0" anchor="ctr" anchorCtr="0">
            <a:noAutofit/>
          </a:bodyPr>
          <a:lstStyle/>
          <a:p>
            <a:r>
              <a:rPr lang="en-SG" sz="1200" spc="-20">
                <a:solidFill>
                  <a:schemeClr val="lt1"/>
                </a:solidFill>
                <a:latin typeface="Calibri" panose="020F0502020204030204" pitchFamily="34" charset="0"/>
              </a:rPr>
              <a:t>Nov</a:t>
            </a:r>
          </a:p>
        </p:txBody>
      </p:sp>
      <p:sp>
        <p:nvSpPr>
          <p:cNvPr id="53" name="OTLSHAPE_SLT_c605668d97864711b3a5267a2104a248_Duration" hidden="1">
            <a:extLst>
              <a:ext uri="{FF2B5EF4-FFF2-40B4-BE49-F238E27FC236}">
                <a16:creationId xmlns:a16="http://schemas.microsoft.com/office/drawing/2014/main" id="{E73FDD91-1808-42D6-A197-A3C8C04B6033}"/>
              </a:ext>
            </a:extLst>
          </p:cNvPr>
          <p:cNvSpPr txBox="1"/>
          <p:nvPr>
            <p:custDataLst>
              <p:tags r:id="rId97"/>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61 days</a:t>
            </a:r>
          </a:p>
        </p:txBody>
      </p:sp>
      <p:sp>
        <p:nvSpPr>
          <p:cNvPr id="54" name="OTLSHAPE_SLT_c605668d97864711b3a5267a2104a248_TextPercentage" hidden="1">
            <a:extLst>
              <a:ext uri="{FF2B5EF4-FFF2-40B4-BE49-F238E27FC236}">
                <a16:creationId xmlns:a16="http://schemas.microsoft.com/office/drawing/2014/main" id="{024EE799-6765-4D9E-ABE0-F2BC8565D7AB}"/>
              </a:ext>
            </a:extLst>
          </p:cNvPr>
          <p:cNvSpPr txBox="1"/>
          <p:nvPr>
            <p:custDataLst>
              <p:tags r:id="rId9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55" name="OTLSHAPE_SLT_c605668d97864711b3a5267a2104a248_StartDate" hidden="1">
            <a:extLst>
              <a:ext uri="{FF2B5EF4-FFF2-40B4-BE49-F238E27FC236}">
                <a16:creationId xmlns:a16="http://schemas.microsoft.com/office/drawing/2014/main" id="{BA9ED161-0415-4B1F-ABBB-D684193EA6C9}"/>
              </a:ext>
            </a:extLst>
          </p:cNvPr>
          <p:cNvSpPr txBox="1"/>
          <p:nvPr>
            <p:custDataLst>
              <p:tags r:id="rId99"/>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56" name="OTLSHAPE_SLT_c605668d97864711b3a5267a2104a248_EndDate" hidden="1">
            <a:extLst>
              <a:ext uri="{FF2B5EF4-FFF2-40B4-BE49-F238E27FC236}">
                <a16:creationId xmlns:a16="http://schemas.microsoft.com/office/drawing/2014/main" id="{3992D8B0-4597-4CEA-B9F2-D9748160A76D}"/>
              </a:ext>
            </a:extLst>
          </p:cNvPr>
          <p:cNvSpPr txBox="1"/>
          <p:nvPr>
            <p:custDataLst>
              <p:tags r:id="rId100"/>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58" name="OTLSHAPE_SLT_c605668d97864711b3a5267a2104a248_Title">
            <a:extLst>
              <a:ext uri="{FF2B5EF4-FFF2-40B4-BE49-F238E27FC236}">
                <a16:creationId xmlns:a16="http://schemas.microsoft.com/office/drawing/2014/main" id="{AA66925E-7DF2-42C4-97F4-A6850334F8E2}"/>
              </a:ext>
            </a:extLst>
          </p:cNvPr>
          <p:cNvSpPr txBox="1"/>
          <p:nvPr>
            <p:custDataLst>
              <p:tags r:id="rId101"/>
            </p:custDataLst>
          </p:nvPr>
        </p:nvSpPr>
        <p:spPr>
          <a:xfrm>
            <a:off x="3543838" y="1903683"/>
            <a:ext cx="596900" cy="170519"/>
          </a:xfrm>
          <a:prstGeom prst="rect">
            <a:avLst/>
          </a:prstGeom>
          <a:noFill/>
        </p:spPr>
        <p:txBody>
          <a:bodyPr vert="horz" wrap="square" lIns="0" tIns="0" rIns="0" bIns="0" rtlCol="0" anchor="ctr" anchorCtr="0">
            <a:spAutoFit/>
          </a:bodyPr>
          <a:lstStyle/>
          <a:p>
            <a:pPr algn="ctr"/>
            <a:r>
              <a:rPr lang="en-SG" sz="1100" b="1" spc="-8" dirty="0">
                <a:solidFill>
                  <a:schemeClr val="lt1"/>
                </a:solidFill>
                <a:latin typeface="Calibri" panose="020F0502020204030204" pitchFamily="34" charset="0"/>
              </a:rPr>
              <a:t>Lockdown</a:t>
            </a:r>
          </a:p>
        </p:txBody>
      </p:sp>
      <p:sp>
        <p:nvSpPr>
          <p:cNvPr id="61" name="OTLSHAPE_SLT_936f0fec15da4a80a328d5fae4a69e42_Duration" hidden="1">
            <a:extLst>
              <a:ext uri="{FF2B5EF4-FFF2-40B4-BE49-F238E27FC236}">
                <a16:creationId xmlns:a16="http://schemas.microsoft.com/office/drawing/2014/main" id="{24FE3F24-923D-4E77-B3CA-07082020186F}"/>
              </a:ext>
            </a:extLst>
          </p:cNvPr>
          <p:cNvSpPr txBox="1"/>
          <p:nvPr>
            <p:custDataLst>
              <p:tags r:id="rId10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35 days</a:t>
            </a:r>
          </a:p>
        </p:txBody>
      </p:sp>
      <p:sp>
        <p:nvSpPr>
          <p:cNvPr id="62" name="OTLSHAPE_SLT_936f0fec15da4a80a328d5fae4a69e42_TextPercentage" hidden="1">
            <a:extLst>
              <a:ext uri="{FF2B5EF4-FFF2-40B4-BE49-F238E27FC236}">
                <a16:creationId xmlns:a16="http://schemas.microsoft.com/office/drawing/2014/main" id="{DD0C053F-5668-4414-8DBD-86C308BC158F}"/>
              </a:ext>
            </a:extLst>
          </p:cNvPr>
          <p:cNvSpPr txBox="1"/>
          <p:nvPr>
            <p:custDataLst>
              <p:tags r:id="rId10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63" name="OTLSHAPE_SLT_936f0fec15da4a80a328d5fae4a69e42_StartDate" hidden="1">
            <a:extLst>
              <a:ext uri="{FF2B5EF4-FFF2-40B4-BE49-F238E27FC236}">
                <a16:creationId xmlns:a16="http://schemas.microsoft.com/office/drawing/2014/main" id="{056BE45A-7BD5-433F-8A51-65D83A4CC953}"/>
              </a:ext>
            </a:extLst>
          </p:cNvPr>
          <p:cNvSpPr txBox="1"/>
          <p:nvPr>
            <p:custDataLst>
              <p:tags r:id="rId104"/>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64" name="OTLSHAPE_SLT_936f0fec15da4a80a328d5fae4a69e42_EndDate" hidden="1">
            <a:extLst>
              <a:ext uri="{FF2B5EF4-FFF2-40B4-BE49-F238E27FC236}">
                <a16:creationId xmlns:a16="http://schemas.microsoft.com/office/drawing/2014/main" id="{F5B2079E-2C94-441F-A44C-69DF93D2D7C5}"/>
              </a:ext>
            </a:extLst>
          </p:cNvPr>
          <p:cNvSpPr txBox="1"/>
          <p:nvPr>
            <p:custDataLst>
              <p:tags r:id="rId105"/>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66" name="OTLSHAPE_SLT_936f0fec15da4a80a328d5fae4a69e42_Title">
            <a:extLst>
              <a:ext uri="{FF2B5EF4-FFF2-40B4-BE49-F238E27FC236}">
                <a16:creationId xmlns:a16="http://schemas.microsoft.com/office/drawing/2014/main" id="{AC9199C4-CCA1-4317-A2FA-7D65947A0D33}"/>
              </a:ext>
            </a:extLst>
          </p:cNvPr>
          <p:cNvSpPr txBox="1"/>
          <p:nvPr>
            <p:custDataLst>
              <p:tags r:id="rId106"/>
            </p:custDataLst>
          </p:nvPr>
        </p:nvSpPr>
        <p:spPr>
          <a:xfrm>
            <a:off x="3137429" y="2631139"/>
            <a:ext cx="596900" cy="170519"/>
          </a:xfrm>
          <a:prstGeom prst="rect">
            <a:avLst/>
          </a:prstGeom>
          <a:noFill/>
        </p:spPr>
        <p:txBody>
          <a:bodyPr vert="horz" wrap="square" lIns="0" tIns="0" rIns="0" bIns="0" rtlCol="0" anchor="ctr" anchorCtr="0">
            <a:spAutoFit/>
          </a:bodyPr>
          <a:lstStyle/>
          <a:p>
            <a:pPr algn="ctr"/>
            <a:r>
              <a:rPr lang="en-SG" sz="1100" b="1" spc="-8" dirty="0">
                <a:solidFill>
                  <a:schemeClr val="lt1"/>
                </a:solidFill>
                <a:latin typeface="Calibri" panose="020F0502020204030204" pitchFamily="34" charset="0"/>
              </a:rPr>
              <a:t>Lockdown</a:t>
            </a:r>
          </a:p>
        </p:txBody>
      </p:sp>
      <p:sp>
        <p:nvSpPr>
          <p:cNvPr id="69" name="OTLSHAPE_SLT_8195ecccc948458aa28a67c05e75acc3_Duration" hidden="1">
            <a:extLst>
              <a:ext uri="{FF2B5EF4-FFF2-40B4-BE49-F238E27FC236}">
                <a16:creationId xmlns:a16="http://schemas.microsoft.com/office/drawing/2014/main" id="{1AAA6880-C730-452D-8B23-076AA29D730D}"/>
              </a:ext>
            </a:extLst>
          </p:cNvPr>
          <p:cNvSpPr txBox="1"/>
          <p:nvPr>
            <p:custDataLst>
              <p:tags r:id="rId107"/>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4 days</a:t>
            </a:r>
          </a:p>
        </p:txBody>
      </p:sp>
      <p:sp>
        <p:nvSpPr>
          <p:cNvPr id="70" name="OTLSHAPE_SLT_8195ecccc948458aa28a67c05e75acc3_TextPercentage" hidden="1">
            <a:extLst>
              <a:ext uri="{FF2B5EF4-FFF2-40B4-BE49-F238E27FC236}">
                <a16:creationId xmlns:a16="http://schemas.microsoft.com/office/drawing/2014/main" id="{CAB524F7-14C6-4436-8414-07FE816AFCDC}"/>
              </a:ext>
            </a:extLst>
          </p:cNvPr>
          <p:cNvSpPr txBox="1"/>
          <p:nvPr>
            <p:custDataLst>
              <p:tags r:id="rId10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71" name="OTLSHAPE_SLT_8195ecccc948458aa28a67c05e75acc3_StartDate" hidden="1">
            <a:extLst>
              <a:ext uri="{FF2B5EF4-FFF2-40B4-BE49-F238E27FC236}">
                <a16:creationId xmlns:a16="http://schemas.microsoft.com/office/drawing/2014/main" id="{7182D049-FE6A-41F8-883B-B4CC5F2866B3}"/>
              </a:ext>
            </a:extLst>
          </p:cNvPr>
          <p:cNvSpPr txBox="1"/>
          <p:nvPr>
            <p:custDataLst>
              <p:tags r:id="rId109"/>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72" name="OTLSHAPE_SLT_8195ecccc948458aa28a67c05e75acc3_EndDate" hidden="1">
            <a:extLst>
              <a:ext uri="{FF2B5EF4-FFF2-40B4-BE49-F238E27FC236}">
                <a16:creationId xmlns:a16="http://schemas.microsoft.com/office/drawing/2014/main" id="{878CFE6D-EF32-4689-8C77-5067B6A622CD}"/>
              </a:ext>
            </a:extLst>
          </p:cNvPr>
          <p:cNvSpPr txBox="1"/>
          <p:nvPr>
            <p:custDataLst>
              <p:tags r:id="rId110"/>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74" name="OTLSHAPE_SLT_8195ecccc948458aa28a67c05e75acc3_Title">
            <a:extLst>
              <a:ext uri="{FF2B5EF4-FFF2-40B4-BE49-F238E27FC236}">
                <a16:creationId xmlns:a16="http://schemas.microsoft.com/office/drawing/2014/main" id="{7731F183-3F3C-4F8C-B950-189649A36CAF}"/>
              </a:ext>
            </a:extLst>
          </p:cNvPr>
          <p:cNvSpPr txBox="1"/>
          <p:nvPr>
            <p:custDataLst>
              <p:tags r:id="rId111"/>
            </p:custDataLst>
          </p:nvPr>
        </p:nvSpPr>
        <p:spPr>
          <a:xfrm>
            <a:off x="1398822" y="2839757"/>
            <a:ext cx="203200" cy="170519"/>
          </a:xfrm>
          <a:prstGeom prst="rect">
            <a:avLst/>
          </a:prstGeom>
          <a:noFill/>
        </p:spPr>
        <p:txBody>
          <a:bodyPr vert="horz" wrap="square" lIns="0" tIns="0" rIns="0" bIns="0" rtlCol="0" anchor="ctr" anchorCtr="0">
            <a:spAutoFit/>
          </a:bodyPr>
          <a:lstStyle/>
          <a:p>
            <a:pPr algn="ctr"/>
            <a:r>
              <a:rPr lang="en-SG" sz="1100" b="1" spc="-12">
                <a:solidFill>
                  <a:schemeClr val="dk1"/>
                </a:solidFill>
                <a:latin typeface="Calibri" panose="020F0502020204030204" pitchFamily="34" charset="0"/>
              </a:rPr>
              <a:t>IRB</a:t>
            </a:r>
          </a:p>
        </p:txBody>
      </p:sp>
      <p:sp>
        <p:nvSpPr>
          <p:cNvPr id="77" name="OTLSHAPE_SLT_f5ce2c5d7f964eeeaeb1ed4a25b86e9e_Duration" hidden="1">
            <a:extLst>
              <a:ext uri="{FF2B5EF4-FFF2-40B4-BE49-F238E27FC236}">
                <a16:creationId xmlns:a16="http://schemas.microsoft.com/office/drawing/2014/main" id="{9C50E80A-60D2-42A9-B416-A8D071D3BF93}"/>
              </a:ext>
            </a:extLst>
          </p:cNvPr>
          <p:cNvSpPr txBox="1"/>
          <p:nvPr>
            <p:custDataLst>
              <p:tags r:id="rId11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39 days</a:t>
            </a:r>
          </a:p>
        </p:txBody>
      </p:sp>
      <p:sp>
        <p:nvSpPr>
          <p:cNvPr id="78" name="OTLSHAPE_SLT_f5ce2c5d7f964eeeaeb1ed4a25b86e9e_TextPercentage" hidden="1">
            <a:extLst>
              <a:ext uri="{FF2B5EF4-FFF2-40B4-BE49-F238E27FC236}">
                <a16:creationId xmlns:a16="http://schemas.microsoft.com/office/drawing/2014/main" id="{CD9B91CE-D367-4C25-83BD-1A75EE63DA2A}"/>
              </a:ext>
            </a:extLst>
          </p:cNvPr>
          <p:cNvSpPr txBox="1"/>
          <p:nvPr>
            <p:custDataLst>
              <p:tags r:id="rId11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79" name="OTLSHAPE_SLT_f5ce2c5d7f964eeeaeb1ed4a25b86e9e_StartDate" hidden="1">
            <a:extLst>
              <a:ext uri="{FF2B5EF4-FFF2-40B4-BE49-F238E27FC236}">
                <a16:creationId xmlns:a16="http://schemas.microsoft.com/office/drawing/2014/main" id="{37005543-D9A5-4D8A-8447-A576BA8A1DC3}"/>
              </a:ext>
            </a:extLst>
          </p:cNvPr>
          <p:cNvSpPr txBox="1"/>
          <p:nvPr>
            <p:custDataLst>
              <p:tags r:id="rId114"/>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80" name="OTLSHAPE_SLT_f5ce2c5d7f964eeeaeb1ed4a25b86e9e_EndDate" hidden="1">
            <a:extLst>
              <a:ext uri="{FF2B5EF4-FFF2-40B4-BE49-F238E27FC236}">
                <a16:creationId xmlns:a16="http://schemas.microsoft.com/office/drawing/2014/main" id="{1B3CA7D8-279E-421B-9949-7BCCCEF08841}"/>
              </a:ext>
            </a:extLst>
          </p:cNvPr>
          <p:cNvSpPr txBox="1"/>
          <p:nvPr>
            <p:custDataLst>
              <p:tags r:id="rId115"/>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82" name="OTLSHAPE_SLT_f5ce2c5d7f964eeeaeb1ed4a25b86e9e_Title">
            <a:extLst>
              <a:ext uri="{FF2B5EF4-FFF2-40B4-BE49-F238E27FC236}">
                <a16:creationId xmlns:a16="http://schemas.microsoft.com/office/drawing/2014/main" id="{FB5A4B9A-DA12-446C-9F58-D53BB5DE2CBF}"/>
              </a:ext>
            </a:extLst>
          </p:cNvPr>
          <p:cNvSpPr txBox="1"/>
          <p:nvPr>
            <p:custDataLst>
              <p:tags r:id="rId116"/>
            </p:custDataLst>
          </p:nvPr>
        </p:nvSpPr>
        <p:spPr>
          <a:xfrm>
            <a:off x="2226129" y="2839757"/>
            <a:ext cx="393700" cy="170519"/>
          </a:xfrm>
          <a:prstGeom prst="rect">
            <a:avLst/>
          </a:prstGeom>
          <a:noFill/>
        </p:spPr>
        <p:txBody>
          <a:bodyPr vert="horz" wrap="square" lIns="0" tIns="0" rIns="0" bIns="0" rtlCol="0" anchor="ctr" anchorCtr="0">
            <a:spAutoFit/>
          </a:bodyPr>
          <a:lstStyle/>
          <a:p>
            <a:pPr algn="ctr"/>
            <a:r>
              <a:rPr lang="en-SG" sz="1100" b="1" spc="-12">
                <a:solidFill>
                  <a:schemeClr val="dk1"/>
                </a:solidFill>
                <a:latin typeface="Calibri" panose="020F0502020204030204" pitchFamily="34" charset="0"/>
              </a:rPr>
              <a:t>UNCST</a:t>
            </a:r>
          </a:p>
        </p:txBody>
      </p:sp>
      <p:sp>
        <p:nvSpPr>
          <p:cNvPr id="92" name="OTLSHAPE_SLT_dfd378a9a65542698770a579c0c89ccf_Duration" hidden="1">
            <a:extLst>
              <a:ext uri="{FF2B5EF4-FFF2-40B4-BE49-F238E27FC236}">
                <a16:creationId xmlns:a16="http://schemas.microsoft.com/office/drawing/2014/main" id="{B6837574-7719-41EC-AFC7-8EACB12F1F22}"/>
              </a:ext>
            </a:extLst>
          </p:cNvPr>
          <p:cNvSpPr txBox="1"/>
          <p:nvPr>
            <p:custDataLst>
              <p:tags r:id="rId117"/>
            </p:custDataLst>
          </p:nvPr>
        </p:nvSpPr>
        <p:spPr>
          <a:xfrm>
            <a:off x="9525" y="-382533"/>
            <a:ext cx="4572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11 days</a:t>
            </a:r>
          </a:p>
        </p:txBody>
      </p:sp>
      <p:sp>
        <p:nvSpPr>
          <p:cNvPr id="93" name="OTLSHAPE_SLT_dfd378a9a65542698770a579c0c89ccf_TextPercentage" hidden="1">
            <a:extLst>
              <a:ext uri="{FF2B5EF4-FFF2-40B4-BE49-F238E27FC236}">
                <a16:creationId xmlns:a16="http://schemas.microsoft.com/office/drawing/2014/main" id="{722C49EA-CCDC-4A2F-B393-0D88149A5586}"/>
              </a:ext>
            </a:extLst>
          </p:cNvPr>
          <p:cNvSpPr txBox="1"/>
          <p:nvPr>
            <p:custDataLst>
              <p:tags r:id="rId11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94" name="OTLSHAPE_SLT_dfd378a9a65542698770a579c0c89ccf_StartDate" hidden="1">
            <a:extLst>
              <a:ext uri="{FF2B5EF4-FFF2-40B4-BE49-F238E27FC236}">
                <a16:creationId xmlns:a16="http://schemas.microsoft.com/office/drawing/2014/main" id="{143745F3-80EE-4D25-833F-8639E1AB8879}"/>
              </a:ext>
            </a:extLst>
          </p:cNvPr>
          <p:cNvSpPr txBox="1"/>
          <p:nvPr>
            <p:custDataLst>
              <p:tags r:id="rId119"/>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95" name="OTLSHAPE_SLT_dfd378a9a65542698770a579c0c89ccf_EndDate" hidden="1">
            <a:extLst>
              <a:ext uri="{FF2B5EF4-FFF2-40B4-BE49-F238E27FC236}">
                <a16:creationId xmlns:a16="http://schemas.microsoft.com/office/drawing/2014/main" id="{1F02630D-9A92-49AE-9CD4-FEB5E070D31E}"/>
              </a:ext>
            </a:extLst>
          </p:cNvPr>
          <p:cNvSpPr txBox="1"/>
          <p:nvPr>
            <p:custDataLst>
              <p:tags r:id="rId120"/>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97" name="OTLSHAPE_SLT_dfd378a9a65542698770a579c0c89ccf_Title">
            <a:extLst>
              <a:ext uri="{FF2B5EF4-FFF2-40B4-BE49-F238E27FC236}">
                <a16:creationId xmlns:a16="http://schemas.microsoft.com/office/drawing/2014/main" id="{ED05E944-E911-44CD-9737-4E622FA6723B}"/>
              </a:ext>
            </a:extLst>
          </p:cNvPr>
          <p:cNvSpPr txBox="1"/>
          <p:nvPr>
            <p:custDataLst>
              <p:tags r:id="rId121"/>
            </p:custDataLst>
          </p:nvPr>
        </p:nvSpPr>
        <p:spPr>
          <a:xfrm>
            <a:off x="4021897" y="2839757"/>
            <a:ext cx="266700" cy="170519"/>
          </a:xfrm>
          <a:prstGeom prst="rect">
            <a:avLst/>
          </a:prstGeom>
          <a:noFill/>
        </p:spPr>
        <p:txBody>
          <a:bodyPr vert="horz" wrap="square" lIns="0" tIns="0" rIns="0" bIns="0" rtlCol="0" anchor="ctr" anchorCtr="0">
            <a:spAutoFit/>
          </a:bodyPr>
          <a:lstStyle/>
          <a:p>
            <a:pPr algn="ctr"/>
            <a:r>
              <a:rPr lang="en-SG" sz="1100" b="1" spc="-18">
                <a:solidFill>
                  <a:schemeClr val="dk1"/>
                </a:solidFill>
                <a:latin typeface="Calibri" panose="020F0502020204030204" pitchFamily="34" charset="0"/>
              </a:rPr>
              <a:t>NDA</a:t>
            </a:r>
          </a:p>
        </p:txBody>
      </p:sp>
      <p:sp>
        <p:nvSpPr>
          <p:cNvPr id="112" name="OTLSHAPE_SLT_c3b2b2f942aa4284b52e14a83aac9486_Duration" hidden="1">
            <a:extLst>
              <a:ext uri="{FF2B5EF4-FFF2-40B4-BE49-F238E27FC236}">
                <a16:creationId xmlns:a16="http://schemas.microsoft.com/office/drawing/2014/main" id="{885B9460-C13F-45B9-AB9C-971C20CAF647}"/>
              </a:ext>
            </a:extLst>
          </p:cNvPr>
          <p:cNvSpPr txBox="1"/>
          <p:nvPr>
            <p:custDataLst>
              <p:tags r:id="rId12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59 days</a:t>
            </a:r>
          </a:p>
        </p:txBody>
      </p:sp>
      <p:sp>
        <p:nvSpPr>
          <p:cNvPr id="113" name="OTLSHAPE_SLT_c3b2b2f942aa4284b52e14a83aac9486_TextPercentage" hidden="1">
            <a:extLst>
              <a:ext uri="{FF2B5EF4-FFF2-40B4-BE49-F238E27FC236}">
                <a16:creationId xmlns:a16="http://schemas.microsoft.com/office/drawing/2014/main" id="{C2E1B54F-B840-4F70-BF75-17280F6D01CC}"/>
              </a:ext>
            </a:extLst>
          </p:cNvPr>
          <p:cNvSpPr txBox="1"/>
          <p:nvPr>
            <p:custDataLst>
              <p:tags r:id="rId12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14" name="OTLSHAPE_SLT_c3b2b2f942aa4284b52e14a83aac9486_StartDate" hidden="1">
            <a:extLst>
              <a:ext uri="{FF2B5EF4-FFF2-40B4-BE49-F238E27FC236}">
                <a16:creationId xmlns:a16="http://schemas.microsoft.com/office/drawing/2014/main" id="{2E19A3C6-C05A-4925-BCFE-674402371CF2}"/>
              </a:ext>
            </a:extLst>
          </p:cNvPr>
          <p:cNvSpPr txBox="1"/>
          <p:nvPr>
            <p:custDataLst>
              <p:tags r:id="rId124"/>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15" name="OTLSHAPE_SLT_c3b2b2f942aa4284b52e14a83aac9486_EndDate" hidden="1">
            <a:extLst>
              <a:ext uri="{FF2B5EF4-FFF2-40B4-BE49-F238E27FC236}">
                <a16:creationId xmlns:a16="http://schemas.microsoft.com/office/drawing/2014/main" id="{BD3F3C62-D8A3-4864-AFFC-B40B9A2B7C84}"/>
              </a:ext>
            </a:extLst>
          </p:cNvPr>
          <p:cNvSpPr txBox="1"/>
          <p:nvPr>
            <p:custDataLst>
              <p:tags r:id="rId125"/>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17" name="OTLSHAPE_SLT_c3b2b2f942aa4284b52e14a83aac9486_Title">
            <a:extLst>
              <a:ext uri="{FF2B5EF4-FFF2-40B4-BE49-F238E27FC236}">
                <a16:creationId xmlns:a16="http://schemas.microsoft.com/office/drawing/2014/main" id="{8E3A1964-0012-4143-932B-4079AC4BB7F9}"/>
              </a:ext>
            </a:extLst>
          </p:cNvPr>
          <p:cNvSpPr txBox="1"/>
          <p:nvPr>
            <p:custDataLst>
              <p:tags r:id="rId126"/>
            </p:custDataLst>
          </p:nvPr>
        </p:nvSpPr>
        <p:spPr>
          <a:xfrm>
            <a:off x="2708436" y="3676095"/>
            <a:ext cx="596900" cy="170519"/>
          </a:xfrm>
          <a:prstGeom prst="rect">
            <a:avLst/>
          </a:prstGeom>
          <a:noFill/>
        </p:spPr>
        <p:txBody>
          <a:bodyPr vert="horz" wrap="square" lIns="0" tIns="0" rIns="0" bIns="0" rtlCol="0" anchor="ctr" anchorCtr="0">
            <a:spAutoFit/>
          </a:bodyPr>
          <a:lstStyle/>
          <a:p>
            <a:pPr algn="ctr"/>
            <a:r>
              <a:rPr lang="en-SG" sz="1100" b="1" spc="-8" dirty="0">
                <a:solidFill>
                  <a:schemeClr val="lt1"/>
                </a:solidFill>
                <a:latin typeface="Calibri" panose="020F0502020204030204" pitchFamily="34" charset="0"/>
              </a:rPr>
              <a:t>Lockdown</a:t>
            </a:r>
          </a:p>
        </p:txBody>
      </p:sp>
      <p:sp>
        <p:nvSpPr>
          <p:cNvPr id="124" name="OTLSHAPE_SLT_c20bfaca802946fa88464e48781ea9cd_Duration" hidden="1">
            <a:extLst>
              <a:ext uri="{FF2B5EF4-FFF2-40B4-BE49-F238E27FC236}">
                <a16:creationId xmlns:a16="http://schemas.microsoft.com/office/drawing/2014/main" id="{3E5BC7C2-EEF6-439A-BF39-491C902B4BBD}"/>
              </a:ext>
            </a:extLst>
          </p:cNvPr>
          <p:cNvSpPr txBox="1"/>
          <p:nvPr>
            <p:custDataLst>
              <p:tags r:id="rId127"/>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93 days</a:t>
            </a:r>
          </a:p>
        </p:txBody>
      </p:sp>
      <p:sp>
        <p:nvSpPr>
          <p:cNvPr id="125" name="OTLSHAPE_SLT_c20bfaca802946fa88464e48781ea9cd_TextPercentage" hidden="1">
            <a:extLst>
              <a:ext uri="{FF2B5EF4-FFF2-40B4-BE49-F238E27FC236}">
                <a16:creationId xmlns:a16="http://schemas.microsoft.com/office/drawing/2014/main" id="{9E9B2589-2017-4A86-A0AB-D35232F89D9A}"/>
              </a:ext>
            </a:extLst>
          </p:cNvPr>
          <p:cNvSpPr txBox="1"/>
          <p:nvPr>
            <p:custDataLst>
              <p:tags r:id="rId12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26" name="OTLSHAPE_SLT_c20bfaca802946fa88464e48781ea9cd_StartDate" hidden="1">
            <a:extLst>
              <a:ext uri="{FF2B5EF4-FFF2-40B4-BE49-F238E27FC236}">
                <a16:creationId xmlns:a16="http://schemas.microsoft.com/office/drawing/2014/main" id="{642D36B1-5F56-416C-A8B5-42A74939704C}"/>
              </a:ext>
            </a:extLst>
          </p:cNvPr>
          <p:cNvSpPr txBox="1"/>
          <p:nvPr>
            <p:custDataLst>
              <p:tags r:id="rId129"/>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27" name="OTLSHAPE_SLT_c20bfaca802946fa88464e48781ea9cd_EndDate" hidden="1">
            <a:extLst>
              <a:ext uri="{FF2B5EF4-FFF2-40B4-BE49-F238E27FC236}">
                <a16:creationId xmlns:a16="http://schemas.microsoft.com/office/drawing/2014/main" id="{143BA9AE-7A02-43B3-AE31-6E0333490140}"/>
              </a:ext>
            </a:extLst>
          </p:cNvPr>
          <p:cNvSpPr txBox="1"/>
          <p:nvPr>
            <p:custDataLst>
              <p:tags r:id="rId130"/>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29" name="OTLSHAPE_SLT_c20bfaca802946fa88464e48781ea9cd_Title">
            <a:extLst>
              <a:ext uri="{FF2B5EF4-FFF2-40B4-BE49-F238E27FC236}">
                <a16:creationId xmlns:a16="http://schemas.microsoft.com/office/drawing/2014/main" id="{FF53F67F-6AE1-4DFF-B8ED-74F5E94E58EA}"/>
              </a:ext>
            </a:extLst>
          </p:cNvPr>
          <p:cNvSpPr txBox="1"/>
          <p:nvPr>
            <p:custDataLst>
              <p:tags r:id="rId131"/>
            </p:custDataLst>
          </p:nvPr>
        </p:nvSpPr>
        <p:spPr>
          <a:xfrm>
            <a:off x="3272821" y="3884713"/>
            <a:ext cx="203200" cy="170519"/>
          </a:xfrm>
          <a:prstGeom prst="rect">
            <a:avLst/>
          </a:prstGeom>
          <a:noFill/>
        </p:spPr>
        <p:txBody>
          <a:bodyPr vert="horz" wrap="square" lIns="0" tIns="0" rIns="0" bIns="0" rtlCol="0" anchor="ctr" anchorCtr="0">
            <a:spAutoFit/>
          </a:bodyPr>
          <a:lstStyle/>
          <a:p>
            <a:pPr algn="ctr"/>
            <a:r>
              <a:rPr lang="en-SG" sz="1100" b="1" spc="-12" dirty="0">
                <a:solidFill>
                  <a:schemeClr val="dk1"/>
                </a:solidFill>
                <a:latin typeface="Calibri" panose="020F0502020204030204" pitchFamily="34" charset="0"/>
              </a:rPr>
              <a:t>IRB</a:t>
            </a:r>
          </a:p>
        </p:txBody>
      </p:sp>
      <p:sp>
        <p:nvSpPr>
          <p:cNvPr id="132" name="OTLSHAPE_SLT_7bbd7b761aea4e69851e8a124f18c823_Duration" hidden="1">
            <a:extLst>
              <a:ext uri="{FF2B5EF4-FFF2-40B4-BE49-F238E27FC236}">
                <a16:creationId xmlns:a16="http://schemas.microsoft.com/office/drawing/2014/main" id="{FA6F7C9B-4D50-4102-A5FE-367A458596BE}"/>
              </a:ext>
            </a:extLst>
          </p:cNvPr>
          <p:cNvSpPr txBox="1"/>
          <p:nvPr>
            <p:custDataLst>
              <p:tags r:id="rId13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52 days</a:t>
            </a:r>
          </a:p>
        </p:txBody>
      </p:sp>
      <p:sp>
        <p:nvSpPr>
          <p:cNvPr id="133" name="OTLSHAPE_SLT_7bbd7b761aea4e69851e8a124f18c823_TextPercentage" hidden="1">
            <a:extLst>
              <a:ext uri="{FF2B5EF4-FFF2-40B4-BE49-F238E27FC236}">
                <a16:creationId xmlns:a16="http://schemas.microsoft.com/office/drawing/2014/main" id="{D315E853-E335-4A55-9DA1-591740886DA9}"/>
              </a:ext>
            </a:extLst>
          </p:cNvPr>
          <p:cNvSpPr txBox="1"/>
          <p:nvPr>
            <p:custDataLst>
              <p:tags r:id="rId13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34" name="OTLSHAPE_SLT_7bbd7b761aea4e69851e8a124f18c823_StartDate" hidden="1">
            <a:extLst>
              <a:ext uri="{FF2B5EF4-FFF2-40B4-BE49-F238E27FC236}">
                <a16:creationId xmlns:a16="http://schemas.microsoft.com/office/drawing/2014/main" id="{ABC3E66D-5F50-4164-BC3C-F61AA918ADE0}"/>
              </a:ext>
            </a:extLst>
          </p:cNvPr>
          <p:cNvSpPr txBox="1"/>
          <p:nvPr>
            <p:custDataLst>
              <p:tags r:id="rId134"/>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35" name="OTLSHAPE_SLT_7bbd7b761aea4e69851e8a124f18c823_EndDate" hidden="1">
            <a:extLst>
              <a:ext uri="{FF2B5EF4-FFF2-40B4-BE49-F238E27FC236}">
                <a16:creationId xmlns:a16="http://schemas.microsoft.com/office/drawing/2014/main" id="{60CD6C5B-2FF4-4C89-80CA-481CB71F9583}"/>
              </a:ext>
            </a:extLst>
          </p:cNvPr>
          <p:cNvSpPr txBox="1"/>
          <p:nvPr>
            <p:custDataLst>
              <p:tags r:id="rId135"/>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37" name="OTLSHAPE_SLT_7bbd7b761aea4e69851e8a124f18c823_Title">
            <a:extLst>
              <a:ext uri="{FF2B5EF4-FFF2-40B4-BE49-F238E27FC236}">
                <a16:creationId xmlns:a16="http://schemas.microsoft.com/office/drawing/2014/main" id="{078DCCA6-F19A-4719-AFF8-FDB157415D29}"/>
              </a:ext>
            </a:extLst>
          </p:cNvPr>
          <p:cNvSpPr txBox="1"/>
          <p:nvPr>
            <p:custDataLst>
              <p:tags r:id="rId136"/>
            </p:custDataLst>
          </p:nvPr>
        </p:nvSpPr>
        <p:spPr>
          <a:xfrm>
            <a:off x="5247339" y="3884713"/>
            <a:ext cx="457200" cy="170519"/>
          </a:xfrm>
          <a:prstGeom prst="rect">
            <a:avLst/>
          </a:prstGeom>
          <a:noFill/>
        </p:spPr>
        <p:txBody>
          <a:bodyPr vert="horz" wrap="square" lIns="0" tIns="0" rIns="0" bIns="0" rtlCol="0" anchor="ctr" anchorCtr="0">
            <a:spAutoFit/>
          </a:bodyPr>
          <a:lstStyle/>
          <a:p>
            <a:pPr algn="ctr"/>
            <a:r>
              <a:rPr lang="en-SG" sz="1100" b="1" spc="-16" dirty="0">
                <a:solidFill>
                  <a:schemeClr val="dk1"/>
                </a:solidFill>
                <a:latin typeface="Calibri" panose="020F0502020204030204" pitchFamily="34" charset="0"/>
              </a:rPr>
              <a:t>MOHEC</a:t>
            </a:r>
          </a:p>
        </p:txBody>
      </p:sp>
      <p:sp>
        <p:nvSpPr>
          <p:cNvPr id="146" name="OTLSHAPE_SLT_5c225ae74b4646b78d8c9f45d0df69cb_Duration" hidden="1">
            <a:extLst>
              <a:ext uri="{FF2B5EF4-FFF2-40B4-BE49-F238E27FC236}">
                <a16:creationId xmlns:a16="http://schemas.microsoft.com/office/drawing/2014/main" id="{2181B6A7-BA92-4E19-BBB0-D20F3C56F46D}"/>
              </a:ext>
            </a:extLst>
          </p:cNvPr>
          <p:cNvSpPr txBox="1"/>
          <p:nvPr>
            <p:custDataLst>
              <p:tags r:id="rId137"/>
            </p:custDataLst>
          </p:nvPr>
        </p:nvSpPr>
        <p:spPr>
          <a:xfrm>
            <a:off x="9525" y="-382533"/>
            <a:ext cx="4572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69 days</a:t>
            </a:r>
          </a:p>
        </p:txBody>
      </p:sp>
      <p:sp>
        <p:nvSpPr>
          <p:cNvPr id="147" name="OTLSHAPE_SLT_5c225ae74b4646b78d8c9f45d0df69cb_TextPercentage" hidden="1">
            <a:extLst>
              <a:ext uri="{FF2B5EF4-FFF2-40B4-BE49-F238E27FC236}">
                <a16:creationId xmlns:a16="http://schemas.microsoft.com/office/drawing/2014/main" id="{FD6D30AE-11E3-4DE8-8261-BCEB525A7DAA}"/>
              </a:ext>
            </a:extLst>
          </p:cNvPr>
          <p:cNvSpPr txBox="1"/>
          <p:nvPr>
            <p:custDataLst>
              <p:tags r:id="rId13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48" name="OTLSHAPE_SLT_5c225ae74b4646b78d8c9f45d0df69cb_StartDate" hidden="1">
            <a:extLst>
              <a:ext uri="{FF2B5EF4-FFF2-40B4-BE49-F238E27FC236}">
                <a16:creationId xmlns:a16="http://schemas.microsoft.com/office/drawing/2014/main" id="{E1A4B8D6-2C23-4B5A-8411-5887286049F1}"/>
              </a:ext>
            </a:extLst>
          </p:cNvPr>
          <p:cNvSpPr txBox="1"/>
          <p:nvPr>
            <p:custDataLst>
              <p:tags r:id="rId139"/>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49" name="OTLSHAPE_SLT_5c225ae74b4646b78d8c9f45d0df69cb_EndDate" hidden="1">
            <a:extLst>
              <a:ext uri="{FF2B5EF4-FFF2-40B4-BE49-F238E27FC236}">
                <a16:creationId xmlns:a16="http://schemas.microsoft.com/office/drawing/2014/main" id="{AC586B27-6215-498B-B226-205254CFDFAB}"/>
              </a:ext>
            </a:extLst>
          </p:cNvPr>
          <p:cNvSpPr txBox="1"/>
          <p:nvPr>
            <p:custDataLst>
              <p:tags r:id="rId140"/>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51" name="OTLSHAPE_SLT_5c225ae74b4646b78d8c9f45d0df69cb_Title">
            <a:extLst>
              <a:ext uri="{FF2B5EF4-FFF2-40B4-BE49-F238E27FC236}">
                <a16:creationId xmlns:a16="http://schemas.microsoft.com/office/drawing/2014/main" id="{E07BAF1F-C58C-4312-8192-8C35C35993F1}"/>
              </a:ext>
            </a:extLst>
          </p:cNvPr>
          <p:cNvSpPr txBox="1"/>
          <p:nvPr>
            <p:custDataLst>
              <p:tags r:id="rId141"/>
            </p:custDataLst>
          </p:nvPr>
        </p:nvSpPr>
        <p:spPr>
          <a:xfrm>
            <a:off x="4424387" y="4891569"/>
            <a:ext cx="596900" cy="170519"/>
          </a:xfrm>
          <a:prstGeom prst="rect">
            <a:avLst/>
          </a:prstGeom>
          <a:noFill/>
        </p:spPr>
        <p:txBody>
          <a:bodyPr vert="horz" wrap="square" lIns="0" tIns="0" rIns="0" bIns="0" rtlCol="0" anchor="ctr" anchorCtr="0">
            <a:spAutoFit/>
          </a:bodyPr>
          <a:lstStyle/>
          <a:p>
            <a:pPr algn="ctr"/>
            <a:r>
              <a:rPr lang="en-SG" sz="1100" b="1" spc="-8" dirty="0">
                <a:solidFill>
                  <a:schemeClr val="lt1"/>
                </a:solidFill>
                <a:latin typeface="Calibri" panose="020F0502020204030204" pitchFamily="34" charset="0"/>
              </a:rPr>
              <a:t>Lockdown</a:t>
            </a:r>
          </a:p>
        </p:txBody>
      </p:sp>
      <p:sp>
        <p:nvSpPr>
          <p:cNvPr id="154" name="OTLSHAPE_SLT_f7f52ad934d44c14a5e01cd240708976_Duration" hidden="1">
            <a:extLst>
              <a:ext uri="{FF2B5EF4-FFF2-40B4-BE49-F238E27FC236}">
                <a16:creationId xmlns:a16="http://schemas.microsoft.com/office/drawing/2014/main" id="{EDB3BEA7-DBEB-4C49-B7F6-FF6FCC1F5749}"/>
              </a:ext>
            </a:extLst>
          </p:cNvPr>
          <p:cNvSpPr txBox="1"/>
          <p:nvPr>
            <p:custDataLst>
              <p:tags r:id="rId14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31 days</a:t>
            </a:r>
          </a:p>
        </p:txBody>
      </p:sp>
      <p:sp>
        <p:nvSpPr>
          <p:cNvPr id="155" name="OTLSHAPE_SLT_f7f52ad934d44c14a5e01cd240708976_TextPercentage" hidden="1">
            <a:extLst>
              <a:ext uri="{FF2B5EF4-FFF2-40B4-BE49-F238E27FC236}">
                <a16:creationId xmlns:a16="http://schemas.microsoft.com/office/drawing/2014/main" id="{1BB71A5D-C770-410F-A33A-3DF73E477328}"/>
              </a:ext>
            </a:extLst>
          </p:cNvPr>
          <p:cNvSpPr txBox="1"/>
          <p:nvPr>
            <p:custDataLst>
              <p:tags r:id="rId14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56" name="OTLSHAPE_SLT_f7f52ad934d44c14a5e01cd240708976_StartDate" hidden="1">
            <a:extLst>
              <a:ext uri="{FF2B5EF4-FFF2-40B4-BE49-F238E27FC236}">
                <a16:creationId xmlns:a16="http://schemas.microsoft.com/office/drawing/2014/main" id="{2D88A2E7-CFCC-4A70-9A44-55185C9625A7}"/>
              </a:ext>
            </a:extLst>
          </p:cNvPr>
          <p:cNvSpPr txBox="1"/>
          <p:nvPr>
            <p:custDataLst>
              <p:tags r:id="rId144"/>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57" name="OTLSHAPE_SLT_f7f52ad934d44c14a5e01cd240708976_EndDate" hidden="1">
            <a:extLst>
              <a:ext uri="{FF2B5EF4-FFF2-40B4-BE49-F238E27FC236}">
                <a16:creationId xmlns:a16="http://schemas.microsoft.com/office/drawing/2014/main" id="{6CE4B59D-56E4-43A1-AA25-C93566356FFC}"/>
              </a:ext>
            </a:extLst>
          </p:cNvPr>
          <p:cNvSpPr txBox="1"/>
          <p:nvPr>
            <p:custDataLst>
              <p:tags r:id="rId145"/>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59" name="OTLSHAPE_SLT_f7f52ad934d44c14a5e01cd240708976_Title">
            <a:extLst>
              <a:ext uri="{FF2B5EF4-FFF2-40B4-BE49-F238E27FC236}">
                <a16:creationId xmlns:a16="http://schemas.microsoft.com/office/drawing/2014/main" id="{19F6FD94-46F5-4E0A-BF97-2A5A5EC6FDB0}"/>
              </a:ext>
            </a:extLst>
          </p:cNvPr>
          <p:cNvSpPr txBox="1"/>
          <p:nvPr>
            <p:custDataLst>
              <p:tags r:id="rId146"/>
            </p:custDataLst>
          </p:nvPr>
        </p:nvSpPr>
        <p:spPr>
          <a:xfrm>
            <a:off x="2333870" y="5100188"/>
            <a:ext cx="215900" cy="170519"/>
          </a:xfrm>
          <a:prstGeom prst="rect">
            <a:avLst/>
          </a:prstGeom>
          <a:noFill/>
        </p:spPr>
        <p:txBody>
          <a:bodyPr vert="horz" wrap="square" lIns="0" tIns="0" rIns="0" bIns="0" rtlCol="0" anchor="ctr" anchorCtr="0">
            <a:spAutoFit/>
          </a:bodyPr>
          <a:lstStyle/>
          <a:p>
            <a:pPr algn="ctr"/>
            <a:r>
              <a:rPr lang="en-SG" sz="1100" b="1" spc="-18">
                <a:solidFill>
                  <a:schemeClr val="dk1"/>
                </a:solidFill>
                <a:latin typeface="Calibri" panose="020F0502020204030204" pitchFamily="34" charset="0"/>
              </a:rPr>
              <a:t>LCP</a:t>
            </a:r>
            <a:endParaRPr lang="en-SG" sz="1100" b="1" spc="-18" dirty="0">
              <a:solidFill>
                <a:schemeClr val="dk1"/>
              </a:solidFill>
              <a:latin typeface="Calibri" panose="020F0502020204030204" pitchFamily="34" charset="0"/>
            </a:endParaRPr>
          </a:p>
        </p:txBody>
      </p:sp>
      <p:sp>
        <p:nvSpPr>
          <p:cNvPr id="162" name="OTLSHAPE_SLT_fd3e0781d4a4437b926b549a50096dd4_Duration" hidden="1">
            <a:extLst>
              <a:ext uri="{FF2B5EF4-FFF2-40B4-BE49-F238E27FC236}">
                <a16:creationId xmlns:a16="http://schemas.microsoft.com/office/drawing/2014/main" id="{3EDADB67-D380-4096-BC2D-FB40FA4CD098}"/>
              </a:ext>
            </a:extLst>
          </p:cNvPr>
          <p:cNvSpPr txBox="1"/>
          <p:nvPr>
            <p:custDataLst>
              <p:tags r:id="rId147"/>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71 days</a:t>
            </a:r>
          </a:p>
        </p:txBody>
      </p:sp>
      <p:sp>
        <p:nvSpPr>
          <p:cNvPr id="163" name="OTLSHAPE_SLT_fd3e0781d4a4437b926b549a50096dd4_TextPercentage" hidden="1">
            <a:extLst>
              <a:ext uri="{FF2B5EF4-FFF2-40B4-BE49-F238E27FC236}">
                <a16:creationId xmlns:a16="http://schemas.microsoft.com/office/drawing/2014/main" id="{E2789245-1566-48E9-8C36-D4D2C41EE426}"/>
              </a:ext>
            </a:extLst>
          </p:cNvPr>
          <p:cNvSpPr txBox="1"/>
          <p:nvPr>
            <p:custDataLst>
              <p:tags r:id="rId14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64" name="OTLSHAPE_SLT_fd3e0781d4a4437b926b549a50096dd4_StartDate" hidden="1">
            <a:extLst>
              <a:ext uri="{FF2B5EF4-FFF2-40B4-BE49-F238E27FC236}">
                <a16:creationId xmlns:a16="http://schemas.microsoft.com/office/drawing/2014/main" id="{CB73BC91-E96C-46C2-9B6A-B360B755EBD6}"/>
              </a:ext>
            </a:extLst>
          </p:cNvPr>
          <p:cNvSpPr txBox="1"/>
          <p:nvPr>
            <p:custDataLst>
              <p:tags r:id="rId149"/>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165" name="OTLSHAPE_SLT_fd3e0781d4a4437b926b549a50096dd4_EndDate" hidden="1">
            <a:extLst>
              <a:ext uri="{FF2B5EF4-FFF2-40B4-BE49-F238E27FC236}">
                <a16:creationId xmlns:a16="http://schemas.microsoft.com/office/drawing/2014/main" id="{A1E9B929-7E9E-4CC5-926B-A94465A87FBB}"/>
              </a:ext>
            </a:extLst>
          </p:cNvPr>
          <p:cNvSpPr txBox="1"/>
          <p:nvPr>
            <p:custDataLst>
              <p:tags r:id="rId150"/>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167" name="OTLSHAPE_SLT_fd3e0781d4a4437b926b549a50096dd4_Title">
            <a:extLst>
              <a:ext uri="{FF2B5EF4-FFF2-40B4-BE49-F238E27FC236}">
                <a16:creationId xmlns:a16="http://schemas.microsoft.com/office/drawing/2014/main" id="{C10C7069-8950-4E20-AB17-68567348C608}"/>
              </a:ext>
            </a:extLst>
          </p:cNvPr>
          <p:cNvSpPr txBox="1"/>
          <p:nvPr>
            <p:custDataLst>
              <p:tags r:id="rId151"/>
            </p:custDataLst>
          </p:nvPr>
        </p:nvSpPr>
        <p:spPr>
          <a:xfrm>
            <a:off x="3254154" y="5100188"/>
            <a:ext cx="609600" cy="170519"/>
          </a:xfrm>
          <a:prstGeom prst="rect">
            <a:avLst/>
          </a:prstGeom>
          <a:noFill/>
        </p:spPr>
        <p:txBody>
          <a:bodyPr vert="horz" wrap="square" lIns="0" tIns="0" rIns="0" bIns="0" rtlCol="0" anchor="ctr" anchorCtr="0">
            <a:spAutoFit/>
          </a:bodyPr>
          <a:lstStyle/>
          <a:p>
            <a:pPr algn="ctr"/>
            <a:r>
              <a:rPr lang="en-SG" sz="1100" b="1" spc="-8" dirty="0">
                <a:solidFill>
                  <a:schemeClr val="dk1"/>
                </a:solidFill>
                <a:latin typeface="Calibri" panose="020F0502020204030204" pitchFamily="34" charset="0"/>
              </a:rPr>
              <a:t>PFDA prep</a:t>
            </a:r>
          </a:p>
        </p:txBody>
      </p:sp>
      <p:sp>
        <p:nvSpPr>
          <p:cNvPr id="170" name="OTLSHAPE_SLT_0954a7a4914749069ff769ff089a288c_Duration" hidden="1">
            <a:extLst>
              <a:ext uri="{FF2B5EF4-FFF2-40B4-BE49-F238E27FC236}">
                <a16:creationId xmlns:a16="http://schemas.microsoft.com/office/drawing/2014/main" id="{FF18E579-5EB4-4307-8391-309E160F83CF}"/>
              </a:ext>
            </a:extLst>
          </p:cNvPr>
          <p:cNvSpPr txBox="1"/>
          <p:nvPr>
            <p:custDataLst>
              <p:tags r:id="rId15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95 days</a:t>
            </a:r>
          </a:p>
        </p:txBody>
      </p:sp>
      <p:sp>
        <p:nvSpPr>
          <p:cNvPr id="171" name="OTLSHAPE_SLT_0954a7a4914749069ff769ff089a288c_TextPercentage" hidden="1">
            <a:extLst>
              <a:ext uri="{FF2B5EF4-FFF2-40B4-BE49-F238E27FC236}">
                <a16:creationId xmlns:a16="http://schemas.microsoft.com/office/drawing/2014/main" id="{ECCF257D-10F7-4A38-8C93-08648F93D647}"/>
              </a:ext>
            </a:extLst>
          </p:cNvPr>
          <p:cNvSpPr txBox="1"/>
          <p:nvPr>
            <p:custDataLst>
              <p:tags r:id="rId15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72" name="OTLSHAPE_SLT_0954a7a4914749069ff769ff089a288c_StartDate" hidden="1">
            <a:extLst>
              <a:ext uri="{FF2B5EF4-FFF2-40B4-BE49-F238E27FC236}">
                <a16:creationId xmlns:a16="http://schemas.microsoft.com/office/drawing/2014/main" id="{406C7C20-8D0F-4077-A644-F545AF34E2EC}"/>
              </a:ext>
            </a:extLst>
          </p:cNvPr>
          <p:cNvSpPr txBox="1"/>
          <p:nvPr>
            <p:custDataLst>
              <p:tags r:id="rId154"/>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173" name="OTLSHAPE_SLT_0954a7a4914749069ff769ff089a288c_EndDate" hidden="1">
            <a:extLst>
              <a:ext uri="{FF2B5EF4-FFF2-40B4-BE49-F238E27FC236}">
                <a16:creationId xmlns:a16="http://schemas.microsoft.com/office/drawing/2014/main" id="{06550B21-3E07-4581-84A4-CB23E03D31B8}"/>
              </a:ext>
            </a:extLst>
          </p:cNvPr>
          <p:cNvSpPr txBox="1"/>
          <p:nvPr>
            <p:custDataLst>
              <p:tags r:id="rId155"/>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175" name="OTLSHAPE_SLT_0954a7a4914749069ff769ff089a288c_Title">
            <a:extLst>
              <a:ext uri="{FF2B5EF4-FFF2-40B4-BE49-F238E27FC236}">
                <a16:creationId xmlns:a16="http://schemas.microsoft.com/office/drawing/2014/main" id="{F3B1D524-F10D-4DAB-AD24-E9CE6645A6AB}"/>
              </a:ext>
            </a:extLst>
          </p:cNvPr>
          <p:cNvSpPr txBox="1"/>
          <p:nvPr>
            <p:custDataLst>
              <p:tags r:id="rId156"/>
            </p:custDataLst>
          </p:nvPr>
        </p:nvSpPr>
        <p:spPr>
          <a:xfrm>
            <a:off x="5111807" y="5100188"/>
            <a:ext cx="342900" cy="170519"/>
          </a:xfrm>
          <a:prstGeom prst="rect">
            <a:avLst/>
          </a:prstGeom>
          <a:noFill/>
        </p:spPr>
        <p:txBody>
          <a:bodyPr vert="horz" wrap="square" lIns="0" tIns="0" rIns="0" bIns="0" rtlCol="0" anchor="ctr" anchorCtr="0">
            <a:spAutoFit/>
          </a:bodyPr>
          <a:lstStyle/>
          <a:p>
            <a:pPr algn="ctr"/>
            <a:r>
              <a:rPr lang="en-SG" sz="1100" b="1" spc="-12">
                <a:solidFill>
                  <a:schemeClr val="dk1"/>
                </a:solidFill>
                <a:latin typeface="Calibri" panose="020F0502020204030204" pitchFamily="34" charset="0"/>
              </a:rPr>
              <a:t>PFDA </a:t>
            </a:r>
          </a:p>
        </p:txBody>
      </p:sp>
      <p:sp>
        <p:nvSpPr>
          <p:cNvPr id="178" name="OTLSHAPE_SLT_aebc933e81a54141b7eb8e3b073627cc_Duration" hidden="1">
            <a:extLst>
              <a:ext uri="{FF2B5EF4-FFF2-40B4-BE49-F238E27FC236}">
                <a16:creationId xmlns:a16="http://schemas.microsoft.com/office/drawing/2014/main" id="{CFFCCDF6-C06A-4EEA-81C2-C55C99FE084C}"/>
              </a:ext>
            </a:extLst>
          </p:cNvPr>
          <p:cNvSpPr txBox="1"/>
          <p:nvPr>
            <p:custDataLst>
              <p:tags r:id="rId157"/>
            </p:custDataLst>
          </p:nvPr>
        </p:nvSpPr>
        <p:spPr>
          <a:xfrm>
            <a:off x="9525" y="-382533"/>
            <a:ext cx="4572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35 days</a:t>
            </a:r>
          </a:p>
        </p:txBody>
      </p:sp>
      <p:sp>
        <p:nvSpPr>
          <p:cNvPr id="179" name="OTLSHAPE_SLT_aebc933e81a54141b7eb8e3b073627cc_TextPercentage" hidden="1">
            <a:extLst>
              <a:ext uri="{FF2B5EF4-FFF2-40B4-BE49-F238E27FC236}">
                <a16:creationId xmlns:a16="http://schemas.microsoft.com/office/drawing/2014/main" id="{914FFF3E-1877-46CB-8501-E3297D08F06C}"/>
              </a:ext>
            </a:extLst>
          </p:cNvPr>
          <p:cNvSpPr txBox="1"/>
          <p:nvPr>
            <p:custDataLst>
              <p:tags r:id="rId15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80" name="OTLSHAPE_SLT_aebc933e81a54141b7eb8e3b073627cc_StartDate" hidden="1">
            <a:extLst>
              <a:ext uri="{FF2B5EF4-FFF2-40B4-BE49-F238E27FC236}">
                <a16:creationId xmlns:a16="http://schemas.microsoft.com/office/drawing/2014/main" id="{52B926EA-DE93-4540-B45F-8756438374D0}"/>
              </a:ext>
            </a:extLst>
          </p:cNvPr>
          <p:cNvSpPr txBox="1"/>
          <p:nvPr>
            <p:custDataLst>
              <p:tags r:id="rId159"/>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81" name="OTLSHAPE_SLT_aebc933e81a54141b7eb8e3b073627cc_EndDate" hidden="1">
            <a:extLst>
              <a:ext uri="{FF2B5EF4-FFF2-40B4-BE49-F238E27FC236}">
                <a16:creationId xmlns:a16="http://schemas.microsoft.com/office/drawing/2014/main" id="{2A0D170A-83E1-4E94-A08A-6DFEBA6638A7}"/>
              </a:ext>
            </a:extLst>
          </p:cNvPr>
          <p:cNvSpPr txBox="1"/>
          <p:nvPr>
            <p:custDataLst>
              <p:tags r:id="rId160"/>
            </p:custDataLst>
          </p:nvPr>
        </p:nvSpPr>
        <p:spPr>
          <a:xfrm>
            <a:off x="9525" y="835997"/>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83" name="OTLSHAPE_SLT_aebc933e81a54141b7eb8e3b073627cc_Title">
            <a:extLst>
              <a:ext uri="{FF2B5EF4-FFF2-40B4-BE49-F238E27FC236}">
                <a16:creationId xmlns:a16="http://schemas.microsoft.com/office/drawing/2014/main" id="{8BD959D6-B68B-4C06-A8BB-4F12D1B6E7F1}"/>
              </a:ext>
            </a:extLst>
          </p:cNvPr>
          <p:cNvSpPr txBox="1"/>
          <p:nvPr>
            <p:custDataLst>
              <p:tags r:id="rId161"/>
            </p:custDataLst>
          </p:nvPr>
        </p:nvSpPr>
        <p:spPr>
          <a:xfrm>
            <a:off x="2805555" y="5308807"/>
            <a:ext cx="533400" cy="170519"/>
          </a:xfrm>
          <a:prstGeom prst="rect">
            <a:avLst/>
          </a:prstGeom>
          <a:noFill/>
        </p:spPr>
        <p:txBody>
          <a:bodyPr vert="horz" wrap="square" lIns="0" tIns="0" rIns="0" bIns="0" rtlCol="0" anchor="ctr" anchorCtr="0">
            <a:spAutoFit/>
          </a:bodyPr>
          <a:lstStyle/>
          <a:p>
            <a:pPr algn="ctr"/>
            <a:r>
              <a:rPr lang="en-SG" sz="1100" b="1" spc="-8">
                <a:solidFill>
                  <a:schemeClr val="dk1"/>
                </a:solidFill>
                <a:latin typeface="Calibri" panose="020F0502020204030204" pitchFamily="34" charset="0"/>
              </a:rPr>
              <a:t>DLSMHSI</a:t>
            </a:r>
          </a:p>
        </p:txBody>
      </p:sp>
      <p:sp>
        <p:nvSpPr>
          <p:cNvPr id="197" name="OTLSHAPE_SLT_5818d48c5af84f13935b8d327f505d0b_Duration" hidden="1">
            <a:extLst>
              <a:ext uri="{FF2B5EF4-FFF2-40B4-BE49-F238E27FC236}">
                <a16:creationId xmlns:a16="http://schemas.microsoft.com/office/drawing/2014/main" id="{34193D85-2579-4AED-BFE9-7D04DF4CABB4}"/>
              </a:ext>
            </a:extLst>
          </p:cNvPr>
          <p:cNvSpPr txBox="1"/>
          <p:nvPr>
            <p:custDataLst>
              <p:tags r:id="rId16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63 days</a:t>
            </a:r>
          </a:p>
        </p:txBody>
      </p:sp>
      <p:sp>
        <p:nvSpPr>
          <p:cNvPr id="198" name="OTLSHAPE_SLT_5818d48c5af84f13935b8d327f505d0b_TextPercentage" hidden="1">
            <a:extLst>
              <a:ext uri="{FF2B5EF4-FFF2-40B4-BE49-F238E27FC236}">
                <a16:creationId xmlns:a16="http://schemas.microsoft.com/office/drawing/2014/main" id="{8C798DB4-FECB-4BE1-93F8-613F3D43D7EF}"/>
              </a:ext>
            </a:extLst>
          </p:cNvPr>
          <p:cNvSpPr txBox="1"/>
          <p:nvPr>
            <p:custDataLst>
              <p:tags r:id="rId16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99" name="OTLSHAPE_SLT_5818d48c5af84f13935b8d327f505d0b_StartDate" hidden="1">
            <a:extLst>
              <a:ext uri="{FF2B5EF4-FFF2-40B4-BE49-F238E27FC236}">
                <a16:creationId xmlns:a16="http://schemas.microsoft.com/office/drawing/2014/main" id="{E9B3718F-95DE-4F87-B6C7-7C9482281B67}"/>
              </a:ext>
            </a:extLst>
          </p:cNvPr>
          <p:cNvSpPr txBox="1"/>
          <p:nvPr>
            <p:custDataLst>
              <p:tags r:id="rId164"/>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00" name="OTLSHAPE_SLT_5818d48c5af84f13935b8d327f505d0b_EndDate" hidden="1">
            <a:extLst>
              <a:ext uri="{FF2B5EF4-FFF2-40B4-BE49-F238E27FC236}">
                <a16:creationId xmlns:a16="http://schemas.microsoft.com/office/drawing/2014/main" id="{753EFD38-28F4-442D-9655-A427717B20D9}"/>
              </a:ext>
            </a:extLst>
          </p:cNvPr>
          <p:cNvSpPr txBox="1"/>
          <p:nvPr>
            <p:custDataLst>
              <p:tags r:id="rId165"/>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02" name="OTLSHAPE_SLT_5818d48c5af84f13935b8d327f505d0b_Title">
            <a:extLst>
              <a:ext uri="{FF2B5EF4-FFF2-40B4-BE49-F238E27FC236}">
                <a16:creationId xmlns:a16="http://schemas.microsoft.com/office/drawing/2014/main" id="{B6CB0B4F-195A-4EB0-B2A9-FE631ABFB172}"/>
              </a:ext>
            </a:extLst>
          </p:cNvPr>
          <p:cNvSpPr txBox="1"/>
          <p:nvPr>
            <p:custDataLst>
              <p:tags r:id="rId166"/>
            </p:custDataLst>
          </p:nvPr>
        </p:nvSpPr>
        <p:spPr>
          <a:xfrm>
            <a:off x="4598899" y="5559166"/>
            <a:ext cx="228600" cy="170519"/>
          </a:xfrm>
          <a:prstGeom prst="rect">
            <a:avLst/>
          </a:prstGeom>
          <a:noFill/>
        </p:spPr>
        <p:txBody>
          <a:bodyPr vert="horz" wrap="square" lIns="0" tIns="0" rIns="0" bIns="0" rtlCol="0" anchor="ctr" anchorCtr="0">
            <a:spAutoFit/>
          </a:bodyPr>
          <a:lstStyle/>
          <a:p>
            <a:pPr algn="ctr"/>
            <a:r>
              <a:rPr lang="en-SG" sz="1100" b="1" spc="-12">
                <a:solidFill>
                  <a:schemeClr val="dk1"/>
                </a:solidFill>
                <a:latin typeface="Calibri" panose="020F0502020204030204" pitchFamily="34" charset="0"/>
              </a:rPr>
              <a:t>TDF</a:t>
            </a:r>
          </a:p>
        </p:txBody>
      </p:sp>
      <p:sp>
        <p:nvSpPr>
          <p:cNvPr id="219" name="OTLSHAPE_SLT_40b5cb055cf54be28b41205edde20606_Duration" hidden="1">
            <a:extLst>
              <a:ext uri="{FF2B5EF4-FFF2-40B4-BE49-F238E27FC236}">
                <a16:creationId xmlns:a16="http://schemas.microsoft.com/office/drawing/2014/main" id="{314D7F9C-D8E8-418E-8960-53AB5F7B6D67}"/>
              </a:ext>
            </a:extLst>
          </p:cNvPr>
          <p:cNvSpPr txBox="1"/>
          <p:nvPr>
            <p:custDataLst>
              <p:tags r:id="rId167"/>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3 days</a:t>
            </a:r>
          </a:p>
        </p:txBody>
      </p:sp>
      <p:sp>
        <p:nvSpPr>
          <p:cNvPr id="220" name="OTLSHAPE_SLT_40b5cb055cf54be28b41205edde20606_TextPercentage" hidden="1">
            <a:extLst>
              <a:ext uri="{FF2B5EF4-FFF2-40B4-BE49-F238E27FC236}">
                <a16:creationId xmlns:a16="http://schemas.microsoft.com/office/drawing/2014/main" id="{3AE6C47D-7F4F-4703-8228-962C28D810AF}"/>
              </a:ext>
            </a:extLst>
          </p:cNvPr>
          <p:cNvSpPr txBox="1"/>
          <p:nvPr>
            <p:custDataLst>
              <p:tags r:id="rId16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221" name="OTLSHAPE_SLT_40b5cb055cf54be28b41205edde20606_StartDate" hidden="1">
            <a:extLst>
              <a:ext uri="{FF2B5EF4-FFF2-40B4-BE49-F238E27FC236}">
                <a16:creationId xmlns:a16="http://schemas.microsoft.com/office/drawing/2014/main" id="{0F47691F-87C9-4CE4-ABBF-A7EFC04E5E98}"/>
              </a:ext>
            </a:extLst>
          </p:cNvPr>
          <p:cNvSpPr txBox="1"/>
          <p:nvPr>
            <p:custDataLst>
              <p:tags r:id="rId169"/>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22" name="OTLSHAPE_SLT_40b5cb055cf54be28b41205edde20606_EndDate" hidden="1">
            <a:extLst>
              <a:ext uri="{FF2B5EF4-FFF2-40B4-BE49-F238E27FC236}">
                <a16:creationId xmlns:a16="http://schemas.microsoft.com/office/drawing/2014/main" id="{02EBB7E9-3A01-4825-8A76-DD8C64865A2D}"/>
              </a:ext>
            </a:extLst>
          </p:cNvPr>
          <p:cNvSpPr txBox="1"/>
          <p:nvPr>
            <p:custDataLst>
              <p:tags r:id="rId170"/>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24" name="OTLSHAPE_SLT_40b5cb055cf54be28b41205edde20606_Title">
            <a:extLst>
              <a:ext uri="{FF2B5EF4-FFF2-40B4-BE49-F238E27FC236}">
                <a16:creationId xmlns:a16="http://schemas.microsoft.com/office/drawing/2014/main" id="{05F4BFA9-D259-45B8-873F-402E75E090EE}"/>
              </a:ext>
            </a:extLst>
          </p:cNvPr>
          <p:cNvSpPr txBox="1"/>
          <p:nvPr>
            <p:custDataLst>
              <p:tags r:id="rId171"/>
            </p:custDataLst>
          </p:nvPr>
        </p:nvSpPr>
        <p:spPr>
          <a:xfrm>
            <a:off x="6498904" y="5100188"/>
            <a:ext cx="508000" cy="170519"/>
          </a:xfrm>
          <a:prstGeom prst="rect">
            <a:avLst/>
          </a:prstGeom>
          <a:noFill/>
        </p:spPr>
        <p:txBody>
          <a:bodyPr vert="horz" wrap="square" lIns="0" tIns="0" rIns="0" bIns="0" rtlCol="0" anchor="ctr" anchorCtr="0">
            <a:spAutoFit/>
          </a:bodyPr>
          <a:lstStyle/>
          <a:p>
            <a:r>
              <a:rPr lang="en-SG" sz="1100" b="1" spc="-10">
                <a:solidFill>
                  <a:schemeClr val="dk1"/>
                </a:solidFill>
                <a:latin typeface="Calibri" panose="020F0502020204030204" pitchFamily="34" charset="0"/>
              </a:rPr>
              <a:t>LCP V2.0</a:t>
            </a:r>
          </a:p>
        </p:txBody>
      </p:sp>
      <p:sp>
        <p:nvSpPr>
          <p:cNvPr id="227" name="OTLSHAPE_SLT_c716fc84e6d441988af52534773768a3_Duration" hidden="1">
            <a:extLst>
              <a:ext uri="{FF2B5EF4-FFF2-40B4-BE49-F238E27FC236}">
                <a16:creationId xmlns:a16="http://schemas.microsoft.com/office/drawing/2014/main" id="{1FA15732-D6CA-4664-A947-21233544440D}"/>
              </a:ext>
            </a:extLst>
          </p:cNvPr>
          <p:cNvSpPr txBox="1"/>
          <p:nvPr>
            <p:custDataLst>
              <p:tags r:id="rId172"/>
            </p:custDataLst>
          </p:nvPr>
        </p:nvSpPr>
        <p:spPr>
          <a:xfrm>
            <a:off x="9524" y="-324825"/>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16 days</a:t>
            </a:r>
          </a:p>
        </p:txBody>
      </p:sp>
      <p:sp>
        <p:nvSpPr>
          <p:cNvPr id="228" name="OTLSHAPE_SLT_c716fc84e6d441988af52534773768a3_TextPercentage" hidden="1">
            <a:extLst>
              <a:ext uri="{FF2B5EF4-FFF2-40B4-BE49-F238E27FC236}">
                <a16:creationId xmlns:a16="http://schemas.microsoft.com/office/drawing/2014/main" id="{BBA04854-C333-4432-BABA-D3CEEB5D1443}"/>
              </a:ext>
            </a:extLst>
          </p:cNvPr>
          <p:cNvSpPr txBox="1"/>
          <p:nvPr>
            <p:custDataLst>
              <p:tags r:id="rId173"/>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229" name="OTLSHAPE_SLT_c716fc84e6d441988af52534773768a3_StartDate" hidden="1">
            <a:extLst>
              <a:ext uri="{FF2B5EF4-FFF2-40B4-BE49-F238E27FC236}">
                <a16:creationId xmlns:a16="http://schemas.microsoft.com/office/drawing/2014/main" id="{FB6737F1-1BBC-4EBB-815D-DDCC94689547}"/>
              </a:ext>
            </a:extLst>
          </p:cNvPr>
          <p:cNvSpPr txBox="1"/>
          <p:nvPr>
            <p:custDataLst>
              <p:tags r:id="rId174"/>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30" name="OTLSHAPE_SLT_c716fc84e6d441988af52534773768a3_EndDate" hidden="1">
            <a:extLst>
              <a:ext uri="{FF2B5EF4-FFF2-40B4-BE49-F238E27FC236}">
                <a16:creationId xmlns:a16="http://schemas.microsoft.com/office/drawing/2014/main" id="{9F04B773-917D-4EFE-98C6-179EEB5CFD5F}"/>
              </a:ext>
            </a:extLst>
          </p:cNvPr>
          <p:cNvSpPr txBox="1"/>
          <p:nvPr>
            <p:custDataLst>
              <p:tags r:id="rId175"/>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32" name="OTLSHAPE_SLT_c716fc84e6d441988af52534773768a3_Title">
            <a:extLst>
              <a:ext uri="{FF2B5EF4-FFF2-40B4-BE49-F238E27FC236}">
                <a16:creationId xmlns:a16="http://schemas.microsoft.com/office/drawing/2014/main" id="{6842A4CB-6252-4C23-BD0D-9EE84DA22E5A}"/>
              </a:ext>
            </a:extLst>
          </p:cNvPr>
          <p:cNvSpPr txBox="1"/>
          <p:nvPr>
            <p:custDataLst>
              <p:tags r:id="rId176"/>
            </p:custDataLst>
          </p:nvPr>
        </p:nvSpPr>
        <p:spPr>
          <a:xfrm>
            <a:off x="6589217" y="5308807"/>
            <a:ext cx="825500" cy="170519"/>
          </a:xfrm>
          <a:prstGeom prst="rect">
            <a:avLst/>
          </a:prstGeom>
          <a:noFill/>
        </p:spPr>
        <p:txBody>
          <a:bodyPr vert="horz" wrap="square" lIns="0" tIns="0" rIns="0" bIns="0" rtlCol="0" anchor="ctr" anchorCtr="0">
            <a:spAutoFit/>
          </a:bodyPr>
          <a:lstStyle/>
          <a:p>
            <a:r>
              <a:rPr lang="en-SG" sz="1100" b="1" spc="-6">
                <a:solidFill>
                  <a:schemeClr val="dk1"/>
                </a:solidFill>
                <a:latin typeface="Calibri" panose="020F0502020204030204" pitchFamily="34" charset="0"/>
              </a:rPr>
              <a:t>DLSMHSI V2.0</a:t>
            </a:r>
          </a:p>
        </p:txBody>
      </p:sp>
      <p:sp>
        <p:nvSpPr>
          <p:cNvPr id="235" name="OTLSHAPE_SLT_1125577a546f4142bbb7c122a8699caf_Duration" hidden="1">
            <a:extLst>
              <a:ext uri="{FF2B5EF4-FFF2-40B4-BE49-F238E27FC236}">
                <a16:creationId xmlns:a16="http://schemas.microsoft.com/office/drawing/2014/main" id="{E9C59D55-7A4C-47BF-8DE9-D38935FEE8B3}"/>
              </a:ext>
            </a:extLst>
          </p:cNvPr>
          <p:cNvSpPr txBox="1"/>
          <p:nvPr>
            <p:custDataLst>
              <p:tags r:id="rId177"/>
            </p:custDataLst>
          </p:nvPr>
        </p:nvSpPr>
        <p:spPr>
          <a:xfrm>
            <a:off x="9525" y="-267116"/>
            <a:ext cx="3302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9 days</a:t>
            </a:r>
          </a:p>
        </p:txBody>
      </p:sp>
      <p:sp>
        <p:nvSpPr>
          <p:cNvPr id="236" name="OTLSHAPE_SLT_1125577a546f4142bbb7c122a8699caf_TextPercentage" hidden="1">
            <a:extLst>
              <a:ext uri="{FF2B5EF4-FFF2-40B4-BE49-F238E27FC236}">
                <a16:creationId xmlns:a16="http://schemas.microsoft.com/office/drawing/2014/main" id="{23A2D660-8BD4-4A85-9737-6DF559862C26}"/>
              </a:ext>
            </a:extLst>
          </p:cNvPr>
          <p:cNvSpPr txBox="1"/>
          <p:nvPr>
            <p:custDataLst>
              <p:tags r:id="rId178"/>
            </p:custDataLst>
          </p:nvPr>
        </p:nvSpPr>
        <p:spPr>
          <a:xfrm>
            <a:off x="9525" y="835997"/>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237" name="OTLSHAPE_SLT_1125577a546f4142bbb7c122a8699caf_StartDate" hidden="1">
            <a:extLst>
              <a:ext uri="{FF2B5EF4-FFF2-40B4-BE49-F238E27FC236}">
                <a16:creationId xmlns:a16="http://schemas.microsoft.com/office/drawing/2014/main" id="{9CDA1733-FDA4-4B8C-B541-71C03AA88718}"/>
              </a:ext>
            </a:extLst>
          </p:cNvPr>
          <p:cNvSpPr txBox="1"/>
          <p:nvPr>
            <p:custDataLst>
              <p:tags r:id="rId179"/>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38" name="OTLSHAPE_SLT_1125577a546f4142bbb7c122a8699caf_EndDate" hidden="1">
            <a:extLst>
              <a:ext uri="{FF2B5EF4-FFF2-40B4-BE49-F238E27FC236}">
                <a16:creationId xmlns:a16="http://schemas.microsoft.com/office/drawing/2014/main" id="{921AE88B-FAB1-414C-ACE4-7D1B58383180}"/>
              </a:ext>
            </a:extLst>
          </p:cNvPr>
          <p:cNvSpPr txBox="1"/>
          <p:nvPr>
            <p:custDataLst>
              <p:tags r:id="rId180"/>
            </p:custDataLst>
          </p:nvPr>
        </p:nvSpPr>
        <p:spPr>
          <a:xfrm>
            <a:off x="9525" y="778289"/>
            <a:ext cx="0" cy="0"/>
          </a:xfrm>
          <a:prstGeom prst="rect">
            <a:avLst/>
          </a:prstGeom>
          <a:noFill/>
        </p:spPr>
        <p:txBody>
          <a:bodyPr vert="horz" wrap="square" lIns="0" tIns="0" rIns="0" bIns="0" rtlCol="0" anchor="ctr" anchorCtr="0">
            <a:spAutoFit/>
          </a:bodyPr>
          <a:lstStyle/>
          <a:p>
            <a:endParaRPr lang="en-SG" sz="1000">
              <a:solidFill>
                <a:schemeClr val="dk2"/>
              </a:solidFill>
              <a:latin typeface="Calibri" panose="020F0502020204030204" pitchFamily="34" charset="0"/>
            </a:endParaRPr>
          </a:p>
        </p:txBody>
      </p:sp>
      <p:sp>
        <p:nvSpPr>
          <p:cNvPr id="240" name="OTLSHAPE_SLT_1125577a546f4142bbb7c122a8699caf_Title">
            <a:extLst>
              <a:ext uri="{FF2B5EF4-FFF2-40B4-BE49-F238E27FC236}">
                <a16:creationId xmlns:a16="http://schemas.microsoft.com/office/drawing/2014/main" id="{81A79FFB-CE11-4C8A-BC3B-8C713A777BB8}"/>
              </a:ext>
            </a:extLst>
          </p:cNvPr>
          <p:cNvSpPr txBox="1"/>
          <p:nvPr>
            <p:custDataLst>
              <p:tags r:id="rId181"/>
            </p:custDataLst>
          </p:nvPr>
        </p:nvSpPr>
        <p:spPr>
          <a:xfrm>
            <a:off x="6589217" y="5559166"/>
            <a:ext cx="520700" cy="170519"/>
          </a:xfrm>
          <a:prstGeom prst="rect">
            <a:avLst/>
          </a:prstGeom>
          <a:noFill/>
        </p:spPr>
        <p:txBody>
          <a:bodyPr vert="horz" wrap="square" lIns="0" tIns="0" rIns="0" bIns="0" rtlCol="0" anchor="ctr" anchorCtr="0">
            <a:spAutoFit/>
          </a:bodyPr>
          <a:lstStyle/>
          <a:p>
            <a:r>
              <a:rPr lang="en-SG" sz="1100" b="1" spc="-8">
                <a:solidFill>
                  <a:schemeClr val="dk1"/>
                </a:solidFill>
                <a:latin typeface="Calibri" panose="020F0502020204030204" pitchFamily="34" charset="0"/>
              </a:rPr>
              <a:t>TDF V2.0</a:t>
            </a:r>
          </a:p>
        </p:txBody>
      </p:sp>
      <p:sp>
        <p:nvSpPr>
          <p:cNvPr id="242" name="OTLSHAPE_SLM_d7586e43de3d409a861f7d4353a5ac8c_Title">
            <a:extLst>
              <a:ext uri="{FF2B5EF4-FFF2-40B4-BE49-F238E27FC236}">
                <a16:creationId xmlns:a16="http://schemas.microsoft.com/office/drawing/2014/main" id="{B6F7C690-030C-4230-A11A-73FBD9EE9129}"/>
              </a:ext>
            </a:extLst>
          </p:cNvPr>
          <p:cNvSpPr txBox="1"/>
          <p:nvPr>
            <p:custDataLst>
              <p:tags r:id="rId182"/>
            </p:custDataLst>
          </p:nvPr>
        </p:nvSpPr>
        <p:spPr>
          <a:xfrm>
            <a:off x="4938099" y="3090117"/>
            <a:ext cx="190500" cy="170519"/>
          </a:xfrm>
          <a:prstGeom prst="rect">
            <a:avLst/>
          </a:prstGeom>
          <a:noFill/>
        </p:spPr>
        <p:txBody>
          <a:bodyPr vert="horz" wrap="square" lIns="0" tIns="0" rIns="0" bIns="0" rtlCol="0" anchor="ctr" anchorCtr="0">
            <a:spAutoFit/>
          </a:bodyPr>
          <a:lstStyle/>
          <a:p>
            <a:pPr algn="r"/>
            <a:r>
              <a:rPr lang="en-SG" sz="1100" b="1" spc="-14">
                <a:solidFill>
                  <a:schemeClr val="dk1"/>
                </a:solidFill>
                <a:latin typeface="Calibri" panose="020F0502020204030204" pitchFamily="34" charset="0"/>
              </a:rPr>
              <a:t>SIV</a:t>
            </a:r>
          </a:p>
        </p:txBody>
      </p:sp>
      <p:sp>
        <p:nvSpPr>
          <p:cNvPr id="245" name="OTLSHAPE_SLM_af59134ed1784b91aa0cf20dd1c7462f_Title">
            <a:extLst>
              <a:ext uri="{FF2B5EF4-FFF2-40B4-BE49-F238E27FC236}">
                <a16:creationId xmlns:a16="http://schemas.microsoft.com/office/drawing/2014/main" id="{AE9FDE36-A050-41AA-8AC3-41E038FD785A}"/>
              </a:ext>
            </a:extLst>
          </p:cNvPr>
          <p:cNvSpPr txBox="1"/>
          <p:nvPr>
            <p:custDataLst>
              <p:tags r:id="rId183"/>
            </p:custDataLst>
          </p:nvPr>
        </p:nvSpPr>
        <p:spPr>
          <a:xfrm>
            <a:off x="5632655" y="4093332"/>
            <a:ext cx="190500" cy="170519"/>
          </a:xfrm>
          <a:prstGeom prst="rect">
            <a:avLst/>
          </a:prstGeom>
          <a:noFill/>
        </p:spPr>
        <p:txBody>
          <a:bodyPr vert="horz" wrap="square" lIns="0" tIns="0" rIns="0" bIns="0" rtlCol="0" anchor="ctr" anchorCtr="0">
            <a:spAutoFit/>
          </a:bodyPr>
          <a:lstStyle/>
          <a:p>
            <a:pPr algn="ctr"/>
            <a:r>
              <a:rPr lang="en-SG" sz="1100" b="1" spc="-14">
                <a:solidFill>
                  <a:schemeClr val="dk1"/>
                </a:solidFill>
                <a:latin typeface="Calibri" panose="020F0502020204030204" pitchFamily="34" charset="0"/>
              </a:rPr>
              <a:t>SIV</a:t>
            </a:r>
          </a:p>
        </p:txBody>
      </p:sp>
      <p:sp>
        <p:nvSpPr>
          <p:cNvPr id="251" name="OTLSHAPE_SLM_710e41576c8f451aa16ece68807feeb4_Title">
            <a:extLst>
              <a:ext uri="{FF2B5EF4-FFF2-40B4-BE49-F238E27FC236}">
                <a16:creationId xmlns:a16="http://schemas.microsoft.com/office/drawing/2014/main" id="{28097C7B-FA10-45FD-B10C-937C2F9A277F}"/>
              </a:ext>
            </a:extLst>
          </p:cNvPr>
          <p:cNvSpPr txBox="1"/>
          <p:nvPr>
            <p:custDataLst>
              <p:tags r:id="rId184"/>
            </p:custDataLst>
          </p:nvPr>
        </p:nvSpPr>
        <p:spPr>
          <a:xfrm>
            <a:off x="5856283" y="5559166"/>
            <a:ext cx="190500" cy="170519"/>
          </a:xfrm>
          <a:prstGeom prst="rect">
            <a:avLst/>
          </a:prstGeom>
          <a:noFill/>
        </p:spPr>
        <p:txBody>
          <a:bodyPr vert="horz" wrap="square" lIns="0" tIns="0" rIns="0" bIns="0" rtlCol="0" anchor="ctr" anchorCtr="0">
            <a:spAutoFit/>
          </a:bodyPr>
          <a:lstStyle/>
          <a:p>
            <a:pPr algn="r"/>
            <a:r>
              <a:rPr lang="en-SG" sz="1100" b="1" spc="-14" dirty="0">
                <a:solidFill>
                  <a:schemeClr val="dk1"/>
                </a:solidFill>
                <a:latin typeface="Calibri" panose="020F0502020204030204" pitchFamily="34" charset="0"/>
              </a:rPr>
              <a:t>SIV</a:t>
            </a:r>
          </a:p>
        </p:txBody>
      </p:sp>
      <p:sp>
        <p:nvSpPr>
          <p:cNvPr id="44" name="OTLSHAPE_TB_00000000000000000000000000000000_TimescaleInterval8">
            <a:extLst>
              <a:ext uri="{FF2B5EF4-FFF2-40B4-BE49-F238E27FC236}">
                <a16:creationId xmlns:a16="http://schemas.microsoft.com/office/drawing/2014/main" id="{5EBDDDFB-6C6B-4870-AC0B-F0DBC601A520}"/>
              </a:ext>
            </a:extLst>
          </p:cNvPr>
          <p:cNvSpPr txBox="1"/>
          <p:nvPr>
            <p:custDataLst>
              <p:tags r:id="rId185"/>
            </p:custDataLst>
          </p:nvPr>
        </p:nvSpPr>
        <p:spPr>
          <a:xfrm>
            <a:off x="7474955" y="1446483"/>
            <a:ext cx="203582" cy="177800"/>
          </a:xfrm>
          <a:prstGeom prst="rect">
            <a:avLst/>
          </a:prstGeom>
          <a:noFill/>
        </p:spPr>
        <p:txBody>
          <a:bodyPr vert="horz" wrap="none" lIns="0" tIns="0" rIns="0" bIns="0" rtlCol="0" anchor="ctr" anchorCtr="0">
            <a:noAutofit/>
          </a:bodyPr>
          <a:lstStyle/>
          <a:p>
            <a:r>
              <a:rPr lang="en-SG" sz="1200" spc="-20">
                <a:solidFill>
                  <a:schemeClr val="lt1"/>
                </a:solidFill>
                <a:latin typeface="Calibri" panose="020F0502020204030204" pitchFamily="34" charset="0"/>
              </a:rPr>
              <a:t>Jan</a:t>
            </a:r>
          </a:p>
        </p:txBody>
      </p:sp>
      <p:sp>
        <p:nvSpPr>
          <p:cNvPr id="50" name="OTLSHAPE_TB_00000000000000000000000000000000_ScaleMarking3">
            <a:extLst>
              <a:ext uri="{FF2B5EF4-FFF2-40B4-BE49-F238E27FC236}">
                <a16:creationId xmlns:a16="http://schemas.microsoft.com/office/drawing/2014/main" id="{B8B68109-9A34-4AA3-B50B-6EC03ADB6E92}"/>
              </a:ext>
            </a:extLst>
          </p:cNvPr>
          <p:cNvSpPr txBox="1"/>
          <p:nvPr>
            <p:custDataLst>
              <p:tags r:id="rId186"/>
            </p:custDataLst>
          </p:nvPr>
        </p:nvSpPr>
        <p:spPr>
          <a:xfrm>
            <a:off x="7474955" y="1205184"/>
            <a:ext cx="304955" cy="203200"/>
          </a:xfrm>
          <a:prstGeom prst="rect">
            <a:avLst/>
          </a:prstGeom>
          <a:noFill/>
        </p:spPr>
        <p:txBody>
          <a:bodyPr vert="horz" wrap="none" lIns="0" tIns="0" rIns="0" bIns="0" rtlCol="0" anchor="ctr" anchorCtr="0">
            <a:noAutofit/>
          </a:bodyPr>
          <a:lstStyle/>
          <a:p>
            <a:r>
              <a:rPr lang="en-SG" sz="1200" spc="-20">
                <a:solidFill>
                  <a:schemeClr val="dk2"/>
                </a:solidFill>
                <a:latin typeface="Calibri" panose="020F0502020204030204" pitchFamily="34" charset="0"/>
              </a:rPr>
              <a:t>2021</a:t>
            </a:r>
          </a:p>
        </p:txBody>
      </p:sp>
      <p:sp>
        <p:nvSpPr>
          <p:cNvPr id="89" name="OTLSHAPE_SLT_43699d7878c44db89fc3e4d69f852d57_Duration" hidden="1">
            <a:extLst>
              <a:ext uri="{FF2B5EF4-FFF2-40B4-BE49-F238E27FC236}">
                <a16:creationId xmlns:a16="http://schemas.microsoft.com/office/drawing/2014/main" id="{588DA010-F42D-497D-83E3-4D517679F0FA}"/>
              </a:ext>
            </a:extLst>
          </p:cNvPr>
          <p:cNvSpPr txBox="1"/>
          <p:nvPr>
            <p:custDataLst>
              <p:tags r:id="rId187"/>
            </p:custDataLst>
          </p:nvPr>
        </p:nvSpPr>
        <p:spPr>
          <a:xfrm>
            <a:off x="12700" y="-310466"/>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94 days</a:t>
            </a:r>
          </a:p>
        </p:txBody>
      </p:sp>
      <p:sp>
        <p:nvSpPr>
          <p:cNvPr id="98" name="OTLSHAPE_SLT_43699d7878c44db89fc3e4d69f852d57_TextPercentage" hidden="1">
            <a:extLst>
              <a:ext uri="{FF2B5EF4-FFF2-40B4-BE49-F238E27FC236}">
                <a16:creationId xmlns:a16="http://schemas.microsoft.com/office/drawing/2014/main" id="{18BA1904-8CD8-4631-AC3E-663D9DA8A69C}"/>
              </a:ext>
            </a:extLst>
          </p:cNvPr>
          <p:cNvSpPr txBox="1"/>
          <p:nvPr>
            <p:custDataLst>
              <p:tags r:id="rId188"/>
            </p:custDataLst>
          </p:nvPr>
        </p:nvSpPr>
        <p:spPr>
          <a:xfrm>
            <a:off x="12700" y="74255"/>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99" name="OTLSHAPE_SLT_43699d7878c44db89fc3e4d69f852d57_StartDate" hidden="1">
            <a:extLst>
              <a:ext uri="{FF2B5EF4-FFF2-40B4-BE49-F238E27FC236}">
                <a16:creationId xmlns:a16="http://schemas.microsoft.com/office/drawing/2014/main" id="{35E25F86-B624-45C7-BA67-6E1132EBEB30}"/>
              </a:ext>
            </a:extLst>
          </p:cNvPr>
          <p:cNvSpPr txBox="1"/>
          <p:nvPr>
            <p:custDataLst>
              <p:tags r:id="rId189"/>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00" name="OTLSHAPE_SLT_43699d7878c44db89fc3e4d69f852d57_EndDate" hidden="1">
            <a:extLst>
              <a:ext uri="{FF2B5EF4-FFF2-40B4-BE49-F238E27FC236}">
                <a16:creationId xmlns:a16="http://schemas.microsoft.com/office/drawing/2014/main" id="{D75A38C6-2EF4-4168-999B-08334E60C149}"/>
              </a:ext>
            </a:extLst>
          </p:cNvPr>
          <p:cNvSpPr txBox="1"/>
          <p:nvPr>
            <p:custDataLst>
              <p:tags r:id="rId190"/>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01" name="OTLSHAPE_SLT_43699d7878c44db89fc3e4d69f852d57_JoinedDate">
            <a:extLst>
              <a:ext uri="{FF2B5EF4-FFF2-40B4-BE49-F238E27FC236}">
                <a16:creationId xmlns:a16="http://schemas.microsoft.com/office/drawing/2014/main" id="{204F166D-8730-46C7-A94B-BD267A42C451}"/>
              </a:ext>
            </a:extLst>
          </p:cNvPr>
          <p:cNvSpPr txBox="1"/>
          <p:nvPr>
            <p:custDataLst>
              <p:tags r:id="rId191"/>
            </p:custDataLst>
          </p:nvPr>
        </p:nvSpPr>
        <p:spPr>
          <a:xfrm>
            <a:off x="4941537" y="3373623"/>
            <a:ext cx="711200" cy="155025"/>
          </a:xfrm>
          <a:prstGeom prst="rect">
            <a:avLst/>
          </a:prstGeom>
          <a:noFill/>
        </p:spPr>
        <p:txBody>
          <a:bodyPr vert="horz" wrap="square" lIns="0" tIns="0" rIns="0" bIns="0" rtlCol="0" anchor="ctr" anchorCtr="0">
            <a:spAutoFit/>
          </a:bodyPr>
          <a:lstStyle/>
          <a:p>
            <a:pPr algn="r"/>
            <a:r>
              <a:rPr lang="en-SG" sz="1000" spc="-4" dirty="0">
                <a:solidFill>
                  <a:schemeClr val="dk2"/>
                </a:solidFill>
                <a:latin typeface="Calibri" panose="020F0502020204030204" pitchFamily="34" charset="0"/>
              </a:rPr>
              <a:t>Sep 8 - Jan 18</a:t>
            </a:r>
          </a:p>
        </p:txBody>
      </p:sp>
      <p:sp>
        <p:nvSpPr>
          <p:cNvPr id="102" name="OTLSHAPE_SLT_43699d7878c44db89fc3e4d69f852d57_Title">
            <a:extLst>
              <a:ext uri="{FF2B5EF4-FFF2-40B4-BE49-F238E27FC236}">
                <a16:creationId xmlns:a16="http://schemas.microsoft.com/office/drawing/2014/main" id="{008AF234-BD25-4E69-988B-49943011FF72}"/>
              </a:ext>
            </a:extLst>
          </p:cNvPr>
          <p:cNvSpPr txBox="1"/>
          <p:nvPr>
            <p:custDataLst>
              <p:tags r:id="rId192"/>
            </p:custDataLst>
          </p:nvPr>
        </p:nvSpPr>
        <p:spPr>
          <a:xfrm>
            <a:off x="7733184" y="3365876"/>
            <a:ext cx="723900" cy="170519"/>
          </a:xfrm>
          <a:prstGeom prst="rect">
            <a:avLst/>
          </a:prstGeom>
          <a:noFill/>
        </p:spPr>
        <p:txBody>
          <a:bodyPr vert="horz" wrap="square" lIns="0" tIns="0" rIns="0" bIns="0" rtlCol="0" anchor="ctr" anchorCtr="0">
            <a:spAutoFit/>
          </a:bodyPr>
          <a:lstStyle/>
          <a:p>
            <a:r>
              <a:rPr lang="en-SG" sz="1100" b="1" spc="-8">
                <a:solidFill>
                  <a:schemeClr val="dk1"/>
                </a:solidFill>
                <a:latin typeface="Calibri" panose="020F0502020204030204" pitchFamily="34" charset="0"/>
              </a:rPr>
              <a:t>Recruitment</a:t>
            </a:r>
          </a:p>
        </p:txBody>
      </p:sp>
      <p:sp>
        <p:nvSpPr>
          <p:cNvPr id="119" name="OTLSHAPE_SLT_e95eb4e8825743c690235ec2c8158fd2_Duration" hidden="1">
            <a:extLst>
              <a:ext uri="{FF2B5EF4-FFF2-40B4-BE49-F238E27FC236}">
                <a16:creationId xmlns:a16="http://schemas.microsoft.com/office/drawing/2014/main" id="{162A0E82-925E-42E2-BCF9-F0D6BBB209E7}"/>
              </a:ext>
            </a:extLst>
          </p:cNvPr>
          <p:cNvSpPr txBox="1"/>
          <p:nvPr>
            <p:custDataLst>
              <p:tags r:id="rId193"/>
            </p:custDataLst>
          </p:nvPr>
        </p:nvSpPr>
        <p:spPr>
          <a:xfrm>
            <a:off x="12700" y="-310466"/>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62 days</a:t>
            </a:r>
          </a:p>
        </p:txBody>
      </p:sp>
      <p:sp>
        <p:nvSpPr>
          <p:cNvPr id="120" name="OTLSHAPE_SLT_e95eb4e8825743c690235ec2c8158fd2_TextPercentage" hidden="1">
            <a:extLst>
              <a:ext uri="{FF2B5EF4-FFF2-40B4-BE49-F238E27FC236}">
                <a16:creationId xmlns:a16="http://schemas.microsoft.com/office/drawing/2014/main" id="{C0DE1600-4B62-46A8-BC62-F9DCAF1DAE98}"/>
              </a:ext>
            </a:extLst>
          </p:cNvPr>
          <p:cNvSpPr txBox="1"/>
          <p:nvPr>
            <p:custDataLst>
              <p:tags r:id="rId194"/>
            </p:custDataLst>
          </p:nvPr>
        </p:nvSpPr>
        <p:spPr>
          <a:xfrm>
            <a:off x="12700" y="74255"/>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121" name="OTLSHAPE_SLT_e95eb4e8825743c690235ec2c8158fd2_StartDate" hidden="1">
            <a:extLst>
              <a:ext uri="{FF2B5EF4-FFF2-40B4-BE49-F238E27FC236}">
                <a16:creationId xmlns:a16="http://schemas.microsoft.com/office/drawing/2014/main" id="{5FE1E248-CFE0-4C96-970B-0B683FF09F30}"/>
              </a:ext>
            </a:extLst>
          </p:cNvPr>
          <p:cNvSpPr txBox="1"/>
          <p:nvPr>
            <p:custDataLst>
              <p:tags r:id="rId195"/>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38" name="OTLSHAPE_SLT_e95eb4e8825743c690235ec2c8158fd2_EndDate" hidden="1">
            <a:extLst>
              <a:ext uri="{FF2B5EF4-FFF2-40B4-BE49-F238E27FC236}">
                <a16:creationId xmlns:a16="http://schemas.microsoft.com/office/drawing/2014/main" id="{C79D4B48-0033-4780-BF73-741D0B56538C}"/>
              </a:ext>
            </a:extLst>
          </p:cNvPr>
          <p:cNvSpPr txBox="1"/>
          <p:nvPr>
            <p:custDataLst>
              <p:tags r:id="rId196"/>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184" name="OTLSHAPE_SLT_e95eb4e8825743c690235ec2c8158fd2_JoinedDate">
            <a:extLst>
              <a:ext uri="{FF2B5EF4-FFF2-40B4-BE49-F238E27FC236}">
                <a16:creationId xmlns:a16="http://schemas.microsoft.com/office/drawing/2014/main" id="{735C87D9-C6F1-450A-9761-138CDED6842F}"/>
              </a:ext>
            </a:extLst>
          </p:cNvPr>
          <p:cNvSpPr txBox="1"/>
          <p:nvPr>
            <p:custDataLst>
              <p:tags r:id="rId197"/>
            </p:custDataLst>
          </p:nvPr>
        </p:nvSpPr>
        <p:spPr>
          <a:xfrm>
            <a:off x="5532309" y="4589098"/>
            <a:ext cx="762000" cy="155025"/>
          </a:xfrm>
          <a:prstGeom prst="rect">
            <a:avLst/>
          </a:prstGeom>
          <a:noFill/>
        </p:spPr>
        <p:txBody>
          <a:bodyPr vert="horz" wrap="square" lIns="0" tIns="0" rIns="0" bIns="0" rtlCol="0" anchor="ctr" anchorCtr="0">
            <a:spAutoFit/>
          </a:bodyPr>
          <a:lstStyle/>
          <a:p>
            <a:pPr algn="r"/>
            <a:r>
              <a:rPr lang="en-SG" sz="1000" spc="-4">
                <a:solidFill>
                  <a:schemeClr val="dk2"/>
                </a:solidFill>
                <a:latin typeface="Calibri" panose="020F0502020204030204" pitchFamily="34" charset="0"/>
              </a:rPr>
              <a:t>Oct 21 - Jan 15</a:t>
            </a:r>
          </a:p>
        </p:txBody>
      </p:sp>
      <p:sp>
        <p:nvSpPr>
          <p:cNvPr id="185" name="OTLSHAPE_SLT_e95eb4e8825743c690235ec2c8158fd2_Title">
            <a:extLst>
              <a:ext uri="{FF2B5EF4-FFF2-40B4-BE49-F238E27FC236}">
                <a16:creationId xmlns:a16="http://schemas.microsoft.com/office/drawing/2014/main" id="{8BD5477C-DE4B-4AFE-A820-6924D78AE36F}"/>
              </a:ext>
            </a:extLst>
          </p:cNvPr>
          <p:cNvSpPr txBox="1"/>
          <p:nvPr>
            <p:custDataLst>
              <p:tags r:id="rId198"/>
            </p:custDataLst>
          </p:nvPr>
        </p:nvSpPr>
        <p:spPr>
          <a:xfrm>
            <a:off x="7688028" y="4581351"/>
            <a:ext cx="723900" cy="170519"/>
          </a:xfrm>
          <a:prstGeom prst="rect">
            <a:avLst/>
          </a:prstGeom>
          <a:noFill/>
        </p:spPr>
        <p:txBody>
          <a:bodyPr vert="horz" wrap="square" lIns="0" tIns="0" rIns="0" bIns="0" rtlCol="0" anchor="ctr" anchorCtr="0">
            <a:spAutoFit/>
          </a:bodyPr>
          <a:lstStyle/>
          <a:p>
            <a:r>
              <a:rPr lang="en-SG" sz="1100" b="1" spc="-8">
                <a:solidFill>
                  <a:schemeClr val="dk1"/>
                </a:solidFill>
                <a:latin typeface="Calibri" panose="020F0502020204030204" pitchFamily="34" charset="0"/>
              </a:rPr>
              <a:t>Recruitment</a:t>
            </a:r>
          </a:p>
        </p:txBody>
      </p:sp>
      <p:sp>
        <p:nvSpPr>
          <p:cNvPr id="204" name="OTLSHAPE_SLT_f5ab5ae60e91435fa70e37a436a41cab_Duration" hidden="1">
            <a:extLst>
              <a:ext uri="{FF2B5EF4-FFF2-40B4-BE49-F238E27FC236}">
                <a16:creationId xmlns:a16="http://schemas.microsoft.com/office/drawing/2014/main" id="{9BD348E4-3907-4B5E-8A49-5777F11C709C}"/>
              </a:ext>
            </a:extLst>
          </p:cNvPr>
          <p:cNvSpPr txBox="1"/>
          <p:nvPr>
            <p:custDataLst>
              <p:tags r:id="rId199"/>
            </p:custDataLst>
          </p:nvPr>
        </p:nvSpPr>
        <p:spPr>
          <a:xfrm>
            <a:off x="12700" y="-304859"/>
            <a:ext cx="393700" cy="165100"/>
          </a:xfrm>
          <a:prstGeom prst="rect">
            <a:avLst/>
          </a:prstGeom>
          <a:noFill/>
        </p:spPr>
        <p:txBody>
          <a:bodyPr vert="horz" wrap="square" lIns="0" tIns="0" rIns="0" bIns="0" rtlCol="0" anchor="ctr" anchorCtr="0">
            <a:spAutoFit/>
          </a:bodyPr>
          <a:lstStyle/>
          <a:p>
            <a:r>
              <a:rPr lang="en-SG" sz="1000">
                <a:solidFill>
                  <a:schemeClr val="accent2"/>
                </a:solidFill>
                <a:latin typeface="Calibri" panose="020F0502020204030204" pitchFamily="34" charset="0"/>
              </a:rPr>
              <a:t>62 days</a:t>
            </a:r>
          </a:p>
        </p:txBody>
      </p:sp>
      <p:sp>
        <p:nvSpPr>
          <p:cNvPr id="205" name="OTLSHAPE_SLT_f5ab5ae60e91435fa70e37a436a41cab_TextPercentage" hidden="1">
            <a:extLst>
              <a:ext uri="{FF2B5EF4-FFF2-40B4-BE49-F238E27FC236}">
                <a16:creationId xmlns:a16="http://schemas.microsoft.com/office/drawing/2014/main" id="{1F732651-92EA-4EBA-BACA-22D0058A581F}"/>
              </a:ext>
            </a:extLst>
          </p:cNvPr>
          <p:cNvSpPr txBox="1"/>
          <p:nvPr>
            <p:custDataLst>
              <p:tags r:id="rId200"/>
            </p:custDataLst>
          </p:nvPr>
        </p:nvSpPr>
        <p:spPr>
          <a:xfrm>
            <a:off x="12700" y="74255"/>
            <a:ext cx="0" cy="0"/>
          </a:xfrm>
          <a:prstGeom prst="rect">
            <a:avLst/>
          </a:prstGeom>
          <a:noFill/>
        </p:spPr>
        <p:txBody>
          <a:bodyPr vert="horz" wrap="square" lIns="0" tIns="0" rIns="0" bIns="0" rtlCol="0" anchor="ctr" anchorCtr="0">
            <a:spAutoFit/>
          </a:bodyPr>
          <a:lstStyle/>
          <a:p>
            <a:endParaRPr lang="en-SG" sz="1000">
              <a:solidFill>
                <a:schemeClr val="accent2"/>
              </a:solidFill>
              <a:latin typeface="Calibri" panose="020F0502020204030204" pitchFamily="34" charset="0"/>
            </a:endParaRPr>
          </a:p>
        </p:txBody>
      </p:sp>
      <p:sp>
        <p:nvSpPr>
          <p:cNvPr id="253" name="OTLSHAPE_SLT_f5ab5ae60e91435fa70e37a436a41cab_StartDate" hidden="1">
            <a:extLst>
              <a:ext uri="{FF2B5EF4-FFF2-40B4-BE49-F238E27FC236}">
                <a16:creationId xmlns:a16="http://schemas.microsoft.com/office/drawing/2014/main" id="{0D7AD475-9AB1-459A-A98A-CE38DD9E6F75}"/>
              </a:ext>
            </a:extLst>
          </p:cNvPr>
          <p:cNvSpPr txBox="1"/>
          <p:nvPr>
            <p:custDataLst>
              <p:tags r:id="rId201"/>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254" name="OTLSHAPE_SLT_f5ab5ae60e91435fa70e37a436a41cab_EndDate" hidden="1">
            <a:extLst>
              <a:ext uri="{FF2B5EF4-FFF2-40B4-BE49-F238E27FC236}">
                <a16:creationId xmlns:a16="http://schemas.microsoft.com/office/drawing/2014/main" id="{CF4302E0-9304-47D7-8F9E-6E4C991E6691}"/>
              </a:ext>
            </a:extLst>
          </p:cNvPr>
          <p:cNvSpPr txBox="1"/>
          <p:nvPr>
            <p:custDataLst>
              <p:tags r:id="rId202"/>
            </p:custDataLst>
          </p:nvPr>
        </p:nvSpPr>
        <p:spPr>
          <a:xfrm>
            <a:off x="12700" y="74255"/>
            <a:ext cx="0" cy="0"/>
          </a:xfrm>
          <a:prstGeom prst="rect">
            <a:avLst/>
          </a:prstGeom>
          <a:noFill/>
        </p:spPr>
        <p:txBody>
          <a:bodyPr vert="horz" wrap="square" lIns="0" tIns="0" rIns="0" bIns="0" rtlCol="0" anchor="ctr" anchorCtr="0">
            <a:spAutoFit/>
          </a:bodyPr>
          <a:lstStyle/>
          <a:p>
            <a:pPr algn="r"/>
            <a:endParaRPr lang="en-SG" sz="1000">
              <a:solidFill>
                <a:schemeClr val="dk2"/>
              </a:solidFill>
              <a:latin typeface="Calibri" panose="020F0502020204030204" pitchFamily="34" charset="0"/>
            </a:endParaRPr>
          </a:p>
        </p:txBody>
      </p:sp>
      <p:sp>
        <p:nvSpPr>
          <p:cNvPr id="255" name="OTLSHAPE_SLT_f5ab5ae60e91435fa70e37a436a41cab_JoinedDate">
            <a:extLst>
              <a:ext uri="{FF2B5EF4-FFF2-40B4-BE49-F238E27FC236}">
                <a16:creationId xmlns:a16="http://schemas.microsoft.com/office/drawing/2014/main" id="{6CF31107-C222-4340-8CDF-EBB3F7F82466}"/>
              </a:ext>
            </a:extLst>
          </p:cNvPr>
          <p:cNvSpPr txBox="1"/>
          <p:nvPr>
            <p:custDataLst>
              <p:tags r:id="rId203"/>
            </p:custDataLst>
          </p:nvPr>
        </p:nvSpPr>
        <p:spPr>
          <a:xfrm>
            <a:off x="5532319" y="5842672"/>
            <a:ext cx="762000" cy="155025"/>
          </a:xfrm>
          <a:prstGeom prst="rect">
            <a:avLst/>
          </a:prstGeom>
          <a:noFill/>
        </p:spPr>
        <p:txBody>
          <a:bodyPr vert="horz" wrap="square" lIns="0" tIns="0" rIns="0" bIns="0" rtlCol="0" anchor="ctr" anchorCtr="0">
            <a:spAutoFit/>
          </a:bodyPr>
          <a:lstStyle/>
          <a:p>
            <a:pPr algn="r"/>
            <a:r>
              <a:rPr lang="en-SG" sz="1000" spc="-4">
                <a:solidFill>
                  <a:schemeClr val="dk2"/>
                </a:solidFill>
                <a:latin typeface="Calibri" panose="020F0502020204030204" pitchFamily="34" charset="0"/>
              </a:rPr>
              <a:t>Oct 22 - Jan 15</a:t>
            </a:r>
          </a:p>
        </p:txBody>
      </p:sp>
      <p:sp>
        <p:nvSpPr>
          <p:cNvPr id="256" name="OTLSHAPE_SLT_f5ab5ae60e91435fa70e37a436a41cab_Title">
            <a:extLst>
              <a:ext uri="{FF2B5EF4-FFF2-40B4-BE49-F238E27FC236}">
                <a16:creationId xmlns:a16="http://schemas.microsoft.com/office/drawing/2014/main" id="{CD10BD9D-4F77-4D44-8B55-25144E74F26D}"/>
              </a:ext>
            </a:extLst>
          </p:cNvPr>
          <p:cNvSpPr txBox="1"/>
          <p:nvPr>
            <p:custDataLst>
              <p:tags r:id="rId204"/>
            </p:custDataLst>
          </p:nvPr>
        </p:nvSpPr>
        <p:spPr>
          <a:xfrm>
            <a:off x="7688028" y="5834925"/>
            <a:ext cx="723900" cy="170519"/>
          </a:xfrm>
          <a:prstGeom prst="rect">
            <a:avLst/>
          </a:prstGeom>
          <a:noFill/>
        </p:spPr>
        <p:txBody>
          <a:bodyPr vert="horz" wrap="square" lIns="0" tIns="0" rIns="0" bIns="0" rtlCol="0" anchor="ctr" anchorCtr="0">
            <a:spAutoFit/>
          </a:bodyPr>
          <a:lstStyle/>
          <a:p>
            <a:r>
              <a:rPr lang="en-SG" sz="1100" b="1" spc="-8">
                <a:solidFill>
                  <a:schemeClr val="dk1"/>
                </a:solidFill>
                <a:latin typeface="Calibri" panose="020F0502020204030204" pitchFamily="34" charset="0"/>
              </a:rPr>
              <a:t>Recruitment</a:t>
            </a:r>
          </a:p>
        </p:txBody>
      </p:sp>
      <p:sp>
        <p:nvSpPr>
          <p:cNvPr id="257" name="OTLSHAPE_SLT_c605668d97864711b3a5267a2104a248_JoinedDate" hidden="1">
            <a:extLst>
              <a:ext uri="{FF2B5EF4-FFF2-40B4-BE49-F238E27FC236}">
                <a16:creationId xmlns:a16="http://schemas.microsoft.com/office/drawing/2014/main" id="{F93020D8-36FE-42B2-8CCD-41CD4BBF3E2F}"/>
              </a:ext>
            </a:extLst>
          </p:cNvPr>
          <p:cNvSpPr txBox="1"/>
          <p:nvPr>
            <p:custDataLst>
              <p:tags r:id="rId205"/>
            </p:custDataLst>
          </p:nvPr>
        </p:nvSpPr>
        <p:spPr>
          <a:xfrm>
            <a:off x="12700" y="-695186"/>
            <a:ext cx="8001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Mar 27 - Jun 19</a:t>
            </a:r>
          </a:p>
        </p:txBody>
      </p:sp>
      <p:sp>
        <p:nvSpPr>
          <p:cNvPr id="259" name="OTLSHAPE_SLT_cf74e01d93be45bab98c5fa9bac974e2_JoinedDate" hidden="1">
            <a:extLst>
              <a:ext uri="{FF2B5EF4-FFF2-40B4-BE49-F238E27FC236}">
                <a16:creationId xmlns:a16="http://schemas.microsoft.com/office/drawing/2014/main" id="{FCEE09C7-E7E3-4349-AC15-E90273D9B9A0}"/>
              </a:ext>
            </a:extLst>
          </p:cNvPr>
          <p:cNvSpPr txBox="1"/>
          <p:nvPr>
            <p:custDataLst>
              <p:tags r:id="rId206"/>
            </p:custDataLst>
          </p:nvPr>
        </p:nvSpPr>
        <p:spPr>
          <a:xfrm>
            <a:off x="12700" y="-541298"/>
            <a:ext cx="6985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Dec 4 - Mar 5</a:t>
            </a:r>
          </a:p>
        </p:txBody>
      </p:sp>
      <p:sp>
        <p:nvSpPr>
          <p:cNvPr id="260" name="OTLSHAPE_SLT_245197a3ef3b4fe28bec6b8e59a532a4_JoinedDate" hidden="1">
            <a:extLst>
              <a:ext uri="{FF2B5EF4-FFF2-40B4-BE49-F238E27FC236}">
                <a16:creationId xmlns:a16="http://schemas.microsoft.com/office/drawing/2014/main" id="{1140F325-9D48-4276-9CBC-54CD3E560881}"/>
              </a:ext>
            </a:extLst>
          </p:cNvPr>
          <p:cNvSpPr txBox="1"/>
          <p:nvPr>
            <p:custDataLst>
              <p:tags r:id="rId207"/>
            </p:custDataLst>
          </p:nvPr>
        </p:nvSpPr>
        <p:spPr>
          <a:xfrm>
            <a:off x="12700" y="-618242"/>
            <a:ext cx="7620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Dec 27 - Mar 5</a:t>
            </a:r>
          </a:p>
        </p:txBody>
      </p:sp>
      <p:sp>
        <p:nvSpPr>
          <p:cNvPr id="261" name="OTLSHAPE_SLT_936f0fec15da4a80a328d5fae4a69e42_JoinedDate" hidden="1">
            <a:extLst>
              <a:ext uri="{FF2B5EF4-FFF2-40B4-BE49-F238E27FC236}">
                <a16:creationId xmlns:a16="http://schemas.microsoft.com/office/drawing/2014/main" id="{C9C0C7CE-C3ED-464E-82C5-0413F9DEA426}"/>
              </a:ext>
            </a:extLst>
          </p:cNvPr>
          <p:cNvSpPr txBox="1"/>
          <p:nvPr>
            <p:custDataLst>
              <p:tags r:id="rId208"/>
            </p:custDataLst>
          </p:nvPr>
        </p:nvSpPr>
        <p:spPr>
          <a:xfrm>
            <a:off x="12700" y="-618242"/>
            <a:ext cx="7874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Mar 18 - May 5</a:t>
            </a:r>
          </a:p>
        </p:txBody>
      </p:sp>
      <p:sp>
        <p:nvSpPr>
          <p:cNvPr id="262" name="OTLSHAPE_SLT_8195ecccc948458aa28a67c05e75acc3_JoinedDate" hidden="1">
            <a:extLst>
              <a:ext uri="{FF2B5EF4-FFF2-40B4-BE49-F238E27FC236}">
                <a16:creationId xmlns:a16="http://schemas.microsoft.com/office/drawing/2014/main" id="{738D858B-326B-44F2-BD82-7B4F9099FAE5}"/>
              </a:ext>
            </a:extLst>
          </p:cNvPr>
          <p:cNvSpPr txBox="1"/>
          <p:nvPr>
            <p:custDataLst>
              <p:tags r:id="rId209"/>
            </p:custDataLst>
          </p:nvPr>
        </p:nvSpPr>
        <p:spPr>
          <a:xfrm>
            <a:off x="12700" y="-695186"/>
            <a:ext cx="8128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Nov 26 - Dec 13</a:t>
            </a:r>
          </a:p>
        </p:txBody>
      </p:sp>
      <p:sp>
        <p:nvSpPr>
          <p:cNvPr id="263" name="OTLSHAPE_SLT_f5ce2c5d7f964eeeaeb1ed4a25b86e9e_JoinedDate" hidden="1">
            <a:extLst>
              <a:ext uri="{FF2B5EF4-FFF2-40B4-BE49-F238E27FC236}">
                <a16:creationId xmlns:a16="http://schemas.microsoft.com/office/drawing/2014/main" id="{8495B3DF-D7EE-4770-815B-963AADE7D487}"/>
              </a:ext>
            </a:extLst>
          </p:cNvPr>
          <p:cNvSpPr txBox="1"/>
          <p:nvPr>
            <p:custDataLst>
              <p:tags r:id="rId210"/>
            </p:custDataLst>
          </p:nvPr>
        </p:nvSpPr>
        <p:spPr>
          <a:xfrm>
            <a:off x="12700" y="-541298"/>
            <a:ext cx="6731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Jan 8 - Mar 2</a:t>
            </a:r>
          </a:p>
        </p:txBody>
      </p:sp>
      <p:sp>
        <p:nvSpPr>
          <p:cNvPr id="264" name="OTLSHAPE_SLT_dfd378a9a65542698770a579c0c89ccf_JoinedDate" hidden="1">
            <a:extLst>
              <a:ext uri="{FF2B5EF4-FFF2-40B4-BE49-F238E27FC236}">
                <a16:creationId xmlns:a16="http://schemas.microsoft.com/office/drawing/2014/main" id="{1193E794-C2C1-466E-A542-5F06A6FA2A0E}"/>
              </a:ext>
            </a:extLst>
          </p:cNvPr>
          <p:cNvSpPr txBox="1"/>
          <p:nvPr>
            <p:custDataLst>
              <p:tags r:id="rId211"/>
            </p:custDataLst>
          </p:nvPr>
        </p:nvSpPr>
        <p:spPr>
          <a:xfrm>
            <a:off x="12700" y="-695186"/>
            <a:ext cx="8255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Mar 12 - Aug 14</a:t>
            </a:r>
          </a:p>
        </p:txBody>
      </p:sp>
      <p:sp>
        <p:nvSpPr>
          <p:cNvPr id="268" name="OTLSHAPE_SLT_7bbd7b761aea4e69851e8a124f18c823_JoinedDate" hidden="1">
            <a:extLst>
              <a:ext uri="{FF2B5EF4-FFF2-40B4-BE49-F238E27FC236}">
                <a16:creationId xmlns:a16="http://schemas.microsoft.com/office/drawing/2014/main" id="{0C737B8A-1161-4A22-9F33-8FF7A6FAD809}"/>
              </a:ext>
            </a:extLst>
          </p:cNvPr>
          <p:cNvSpPr txBox="1"/>
          <p:nvPr>
            <p:custDataLst>
              <p:tags r:id="rId212"/>
            </p:custDataLst>
          </p:nvPr>
        </p:nvSpPr>
        <p:spPr>
          <a:xfrm>
            <a:off x="12700" y="-695186"/>
            <a:ext cx="7366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Jul 20 - Sep 29</a:t>
            </a:r>
          </a:p>
        </p:txBody>
      </p:sp>
      <p:sp>
        <p:nvSpPr>
          <p:cNvPr id="269" name="OTLSHAPE_SLM_d7586e43de3d409a861f7d4353a5ac8c_Date" hidden="1">
            <a:extLst>
              <a:ext uri="{FF2B5EF4-FFF2-40B4-BE49-F238E27FC236}">
                <a16:creationId xmlns:a16="http://schemas.microsoft.com/office/drawing/2014/main" id="{8D2FDDCC-1440-4DFC-9058-B52B12DEECBD}"/>
              </a:ext>
            </a:extLst>
          </p:cNvPr>
          <p:cNvSpPr txBox="1"/>
          <p:nvPr>
            <p:custDataLst>
              <p:tags r:id="rId213"/>
            </p:custDataLst>
          </p:nvPr>
        </p:nvSpPr>
        <p:spPr>
          <a:xfrm>
            <a:off x="12700" y="-233521"/>
            <a:ext cx="0" cy="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Aug 12</a:t>
            </a:r>
          </a:p>
        </p:txBody>
      </p:sp>
      <p:sp>
        <p:nvSpPr>
          <p:cNvPr id="270" name="OTLSHAPE_SLT_c3b2b2f942aa4284b52e14a83aac9486_JoinedDate" hidden="1">
            <a:extLst>
              <a:ext uri="{FF2B5EF4-FFF2-40B4-BE49-F238E27FC236}">
                <a16:creationId xmlns:a16="http://schemas.microsoft.com/office/drawing/2014/main" id="{DAA4FA5E-A668-49FF-94EF-26F1A2FE28BB}"/>
              </a:ext>
            </a:extLst>
          </p:cNvPr>
          <p:cNvSpPr txBox="1"/>
          <p:nvPr>
            <p:custDataLst>
              <p:tags r:id="rId214"/>
            </p:custDataLst>
          </p:nvPr>
        </p:nvSpPr>
        <p:spPr>
          <a:xfrm>
            <a:off x="12700" y="-618242"/>
            <a:ext cx="7239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Feb 1 - Apr 23</a:t>
            </a:r>
          </a:p>
        </p:txBody>
      </p:sp>
      <p:sp>
        <p:nvSpPr>
          <p:cNvPr id="271" name="OTLSHAPE_SLT_c20bfaca802946fa88464e48781ea9cd_JoinedDate" hidden="1">
            <a:extLst>
              <a:ext uri="{FF2B5EF4-FFF2-40B4-BE49-F238E27FC236}">
                <a16:creationId xmlns:a16="http://schemas.microsoft.com/office/drawing/2014/main" id="{C08197C4-6E41-40FD-B4E4-14AB4B280B0C}"/>
              </a:ext>
            </a:extLst>
          </p:cNvPr>
          <p:cNvSpPr txBox="1"/>
          <p:nvPr>
            <p:custDataLst>
              <p:tags r:id="rId215"/>
            </p:custDataLst>
          </p:nvPr>
        </p:nvSpPr>
        <p:spPr>
          <a:xfrm>
            <a:off x="12700" y="-618242"/>
            <a:ext cx="7112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Feb 3 - Jun 10</a:t>
            </a:r>
          </a:p>
        </p:txBody>
      </p:sp>
      <p:sp>
        <p:nvSpPr>
          <p:cNvPr id="272" name="OTLSHAPE_SLM_af59134ed1784b91aa0cf20dd1c7462f_Date" hidden="1">
            <a:extLst>
              <a:ext uri="{FF2B5EF4-FFF2-40B4-BE49-F238E27FC236}">
                <a16:creationId xmlns:a16="http://schemas.microsoft.com/office/drawing/2014/main" id="{AA009AAB-5EF1-40DF-85BD-3DA6CE347384}"/>
              </a:ext>
            </a:extLst>
          </p:cNvPr>
          <p:cNvSpPr txBox="1"/>
          <p:nvPr>
            <p:custDataLst>
              <p:tags r:id="rId216"/>
            </p:custDataLst>
          </p:nvPr>
        </p:nvSpPr>
        <p:spPr>
          <a:xfrm>
            <a:off x="12700" y="-233521"/>
            <a:ext cx="0" cy="0"/>
          </a:xfrm>
          <a:prstGeom prst="rect">
            <a:avLst/>
          </a:prstGeom>
          <a:noFill/>
        </p:spPr>
        <p:txBody>
          <a:bodyPr vert="horz" wrap="square" lIns="0" tIns="0" rIns="0" bIns="0" rtlCol="0" anchor="ctr" anchorCtr="0">
            <a:spAutoFit/>
          </a:bodyPr>
          <a:lstStyle/>
          <a:p>
            <a:pPr algn="ctr"/>
            <a:r>
              <a:rPr lang="en-SG" sz="1000">
                <a:solidFill>
                  <a:schemeClr val="dk2"/>
                </a:solidFill>
                <a:latin typeface="Calibri" panose="020F0502020204030204" pitchFamily="34" charset="0"/>
              </a:rPr>
              <a:t>Sep 10</a:t>
            </a:r>
          </a:p>
        </p:txBody>
      </p:sp>
      <p:sp>
        <p:nvSpPr>
          <p:cNvPr id="279" name="OTLSHAPE_SLT_5c225ae74b4646b78d8c9f45d0df69cb_JoinedDate" hidden="1">
            <a:extLst>
              <a:ext uri="{FF2B5EF4-FFF2-40B4-BE49-F238E27FC236}">
                <a16:creationId xmlns:a16="http://schemas.microsoft.com/office/drawing/2014/main" id="{1F69E127-36C6-482C-B8FE-9E645BAAD1D1}"/>
              </a:ext>
            </a:extLst>
          </p:cNvPr>
          <p:cNvSpPr txBox="1"/>
          <p:nvPr>
            <p:custDataLst>
              <p:tags r:id="rId217"/>
            </p:custDataLst>
          </p:nvPr>
        </p:nvSpPr>
        <p:spPr>
          <a:xfrm>
            <a:off x="12700" y="-618242"/>
            <a:ext cx="7493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Mar 9 - Oct 31</a:t>
            </a:r>
          </a:p>
        </p:txBody>
      </p:sp>
      <p:sp>
        <p:nvSpPr>
          <p:cNvPr id="281" name="OTLSHAPE_SLT_f7f52ad934d44c14a5e01cd240708976_JoinedDate" hidden="1">
            <a:extLst>
              <a:ext uri="{FF2B5EF4-FFF2-40B4-BE49-F238E27FC236}">
                <a16:creationId xmlns:a16="http://schemas.microsoft.com/office/drawing/2014/main" id="{00AB6417-40D8-4E61-B190-AB8DBE670772}"/>
              </a:ext>
            </a:extLst>
          </p:cNvPr>
          <p:cNvSpPr txBox="1"/>
          <p:nvPr>
            <p:custDataLst>
              <p:tags r:id="rId218"/>
            </p:custDataLst>
          </p:nvPr>
        </p:nvSpPr>
        <p:spPr>
          <a:xfrm>
            <a:off x="12700" y="-695186"/>
            <a:ext cx="7747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Jan 15 - Feb 26</a:t>
            </a:r>
          </a:p>
        </p:txBody>
      </p:sp>
      <p:sp>
        <p:nvSpPr>
          <p:cNvPr id="282" name="OTLSHAPE_SLT_fd3e0781d4a4437b926b549a50096dd4_JoinedDate" hidden="1">
            <a:extLst>
              <a:ext uri="{FF2B5EF4-FFF2-40B4-BE49-F238E27FC236}">
                <a16:creationId xmlns:a16="http://schemas.microsoft.com/office/drawing/2014/main" id="{5B84CC5F-1972-4F98-95D8-763D12FC56B3}"/>
              </a:ext>
            </a:extLst>
          </p:cNvPr>
          <p:cNvSpPr txBox="1"/>
          <p:nvPr>
            <p:custDataLst>
              <p:tags r:id="rId219"/>
            </p:custDataLst>
          </p:nvPr>
        </p:nvSpPr>
        <p:spPr>
          <a:xfrm>
            <a:off x="12700" y="-541298"/>
            <a:ext cx="6731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Mar 1 - Jun 8</a:t>
            </a:r>
          </a:p>
        </p:txBody>
      </p:sp>
      <p:sp>
        <p:nvSpPr>
          <p:cNvPr id="283" name="OTLSHAPE_SLT_0954a7a4914749069ff769ff089a288c_JoinedDate" hidden="1">
            <a:extLst>
              <a:ext uri="{FF2B5EF4-FFF2-40B4-BE49-F238E27FC236}">
                <a16:creationId xmlns:a16="http://schemas.microsoft.com/office/drawing/2014/main" id="{6A5102AE-1A4D-4AA2-8D28-7048D311793C}"/>
              </a:ext>
            </a:extLst>
          </p:cNvPr>
          <p:cNvSpPr txBox="1"/>
          <p:nvPr>
            <p:custDataLst>
              <p:tags r:id="rId220"/>
            </p:custDataLst>
          </p:nvPr>
        </p:nvSpPr>
        <p:spPr>
          <a:xfrm>
            <a:off x="12700" y="-618242"/>
            <a:ext cx="7112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Jun 8 - Oct 16</a:t>
            </a:r>
          </a:p>
        </p:txBody>
      </p:sp>
      <p:sp>
        <p:nvSpPr>
          <p:cNvPr id="284" name="OTLSHAPE_SLT_40b5cb055cf54be28b41205edde20606_JoinedDate" hidden="1">
            <a:extLst>
              <a:ext uri="{FF2B5EF4-FFF2-40B4-BE49-F238E27FC236}">
                <a16:creationId xmlns:a16="http://schemas.microsoft.com/office/drawing/2014/main" id="{647BE14F-2928-4D1B-BFFD-AEE30B2F37B7}"/>
              </a:ext>
            </a:extLst>
          </p:cNvPr>
          <p:cNvSpPr txBox="1"/>
          <p:nvPr>
            <p:custDataLst>
              <p:tags r:id="rId221"/>
            </p:custDataLst>
          </p:nvPr>
        </p:nvSpPr>
        <p:spPr>
          <a:xfrm>
            <a:off x="12700" y="-695186"/>
            <a:ext cx="7747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Oct 11 - Oct 28</a:t>
            </a:r>
          </a:p>
        </p:txBody>
      </p:sp>
      <p:sp>
        <p:nvSpPr>
          <p:cNvPr id="285" name="OTLSHAPE_SLT_aebc933e81a54141b7eb8e3b073627cc_JoinedDate" hidden="1">
            <a:extLst>
              <a:ext uri="{FF2B5EF4-FFF2-40B4-BE49-F238E27FC236}">
                <a16:creationId xmlns:a16="http://schemas.microsoft.com/office/drawing/2014/main" id="{019CAEF4-9244-48A9-AC8D-535A71900A09}"/>
              </a:ext>
            </a:extLst>
          </p:cNvPr>
          <p:cNvSpPr txBox="1"/>
          <p:nvPr>
            <p:custDataLst>
              <p:tags r:id="rId222"/>
            </p:custDataLst>
          </p:nvPr>
        </p:nvSpPr>
        <p:spPr>
          <a:xfrm>
            <a:off x="12700" y="-695186"/>
            <a:ext cx="787400" cy="16510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Dec 16 - Jun 19</a:t>
            </a:r>
          </a:p>
        </p:txBody>
      </p:sp>
      <p:sp>
        <p:nvSpPr>
          <p:cNvPr id="288" name="OTLSHAPE_SLT_5818d48c5af84f13935b8d327f505d0b_JoinedDate" hidden="1">
            <a:extLst>
              <a:ext uri="{FF2B5EF4-FFF2-40B4-BE49-F238E27FC236}">
                <a16:creationId xmlns:a16="http://schemas.microsoft.com/office/drawing/2014/main" id="{4B317C08-0041-4C85-AB7D-282FD1E639D9}"/>
              </a:ext>
            </a:extLst>
          </p:cNvPr>
          <p:cNvSpPr txBox="1"/>
          <p:nvPr>
            <p:custDataLst>
              <p:tags r:id="rId223"/>
            </p:custDataLst>
          </p:nvPr>
        </p:nvSpPr>
        <p:spPr>
          <a:xfrm>
            <a:off x="12700" y="-695186"/>
            <a:ext cx="8382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May 22 - Aug 18</a:t>
            </a:r>
          </a:p>
        </p:txBody>
      </p:sp>
      <p:sp>
        <p:nvSpPr>
          <p:cNvPr id="289" name="OTLSHAPE_SLM_32b39abb0af74f6ab49ae2535256a727_Date" hidden="1">
            <a:extLst>
              <a:ext uri="{FF2B5EF4-FFF2-40B4-BE49-F238E27FC236}">
                <a16:creationId xmlns:a16="http://schemas.microsoft.com/office/drawing/2014/main" id="{28763E48-567C-473C-AA71-53572C3F3B1C}"/>
              </a:ext>
            </a:extLst>
          </p:cNvPr>
          <p:cNvSpPr txBox="1"/>
          <p:nvPr>
            <p:custDataLst>
              <p:tags r:id="rId224"/>
            </p:custDataLst>
          </p:nvPr>
        </p:nvSpPr>
        <p:spPr>
          <a:xfrm>
            <a:off x="12700" y="-233521"/>
            <a:ext cx="0" cy="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Sep 15</a:t>
            </a:r>
          </a:p>
        </p:txBody>
      </p:sp>
      <p:sp>
        <p:nvSpPr>
          <p:cNvPr id="290" name="OTLSHAPE_SLM_710e41576c8f451aa16ece68807feeb4_Date" hidden="1">
            <a:extLst>
              <a:ext uri="{FF2B5EF4-FFF2-40B4-BE49-F238E27FC236}">
                <a16:creationId xmlns:a16="http://schemas.microsoft.com/office/drawing/2014/main" id="{12C8EA50-17EB-4E12-9361-050665E683A3}"/>
              </a:ext>
            </a:extLst>
          </p:cNvPr>
          <p:cNvSpPr txBox="1"/>
          <p:nvPr>
            <p:custDataLst>
              <p:tags r:id="rId225"/>
            </p:custDataLst>
          </p:nvPr>
        </p:nvSpPr>
        <p:spPr>
          <a:xfrm>
            <a:off x="12700" y="-233521"/>
            <a:ext cx="0" cy="0"/>
          </a:xfrm>
          <a:prstGeom prst="rect">
            <a:avLst/>
          </a:prstGeom>
          <a:noFill/>
        </p:spPr>
        <p:txBody>
          <a:bodyPr vert="horz" wrap="square" lIns="0" tIns="0" rIns="0" bIns="0" rtlCol="0" anchor="ctr" anchorCtr="0">
            <a:spAutoFit/>
          </a:bodyPr>
          <a:lstStyle/>
          <a:p>
            <a:pPr algn="r"/>
            <a:r>
              <a:rPr lang="en-SG" sz="1000">
                <a:solidFill>
                  <a:schemeClr val="dk2"/>
                </a:solidFill>
                <a:latin typeface="Calibri" panose="020F0502020204030204" pitchFamily="34" charset="0"/>
              </a:rPr>
              <a:t>Oct 12</a:t>
            </a:r>
          </a:p>
        </p:txBody>
      </p:sp>
      <p:sp>
        <p:nvSpPr>
          <p:cNvPr id="293" name="OTLSHAPE_SLT_c716fc84e6d441988af52534773768a3_JoinedDate" hidden="1">
            <a:extLst>
              <a:ext uri="{FF2B5EF4-FFF2-40B4-BE49-F238E27FC236}">
                <a16:creationId xmlns:a16="http://schemas.microsoft.com/office/drawing/2014/main" id="{3732591D-05C5-44DA-AD1F-72F541D17183}"/>
              </a:ext>
            </a:extLst>
          </p:cNvPr>
          <p:cNvSpPr txBox="1"/>
          <p:nvPr>
            <p:custDataLst>
              <p:tags r:id="rId226"/>
            </p:custDataLst>
          </p:nvPr>
        </p:nvSpPr>
        <p:spPr>
          <a:xfrm>
            <a:off x="12700" y="-618242"/>
            <a:ext cx="7366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Oct 13 - Nov 3</a:t>
            </a:r>
          </a:p>
        </p:txBody>
      </p:sp>
      <p:sp>
        <p:nvSpPr>
          <p:cNvPr id="296" name="OTLSHAPE_SLT_1125577a546f4142bbb7c122a8699caf_JoinedDate" hidden="1">
            <a:extLst>
              <a:ext uri="{FF2B5EF4-FFF2-40B4-BE49-F238E27FC236}">
                <a16:creationId xmlns:a16="http://schemas.microsoft.com/office/drawing/2014/main" id="{7EFD8012-2226-4EBC-A7CE-6F9C5721DA72}"/>
              </a:ext>
            </a:extLst>
          </p:cNvPr>
          <p:cNvSpPr txBox="1"/>
          <p:nvPr>
            <p:custDataLst>
              <p:tags r:id="rId227"/>
            </p:custDataLst>
          </p:nvPr>
        </p:nvSpPr>
        <p:spPr>
          <a:xfrm>
            <a:off x="12700" y="-618242"/>
            <a:ext cx="736600" cy="165100"/>
          </a:xfrm>
          <a:prstGeom prst="rect">
            <a:avLst/>
          </a:prstGeom>
          <a:noFill/>
        </p:spPr>
        <p:txBody>
          <a:bodyPr vert="horz" wrap="square" lIns="0" tIns="0" rIns="0" bIns="0" rtlCol="0" anchor="ctr" anchorCtr="0">
            <a:spAutoFit/>
          </a:bodyPr>
          <a:lstStyle/>
          <a:p>
            <a:r>
              <a:rPr lang="en-SG" sz="1000">
                <a:solidFill>
                  <a:schemeClr val="dk2"/>
                </a:solidFill>
                <a:latin typeface="Calibri" panose="020F0502020204030204" pitchFamily="34" charset="0"/>
              </a:rPr>
              <a:t>Oct 22 - Nov 3</a:t>
            </a:r>
          </a:p>
        </p:txBody>
      </p:sp>
      <p:sp>
        <p:nvSpPr>
          <p:cNvPr id="297" name="OTLSHAPE_SLM_32b39abb0af74f6ab49ae2535256a727_Title" hidden="1">
            <a:extLst>
              <a:ext uri="{FF2B5EF4-FFF2-40B4-BE49-F238E27FC236}">
                <a16:creationId xmlns:a16="http://schemas.microsoft.com/office/drawing/2014/main" id="{962A3A83-1C62-40D9-A57C-ECEF81FCCD1C}"/>
              </a:ext>
            </a:extLst>
          </p:cNvPr>
          <p:cNvSpPr txBox="1"/>
          <p:nvPr>
            <p:custDataLst>
              <p:tags r:id="rId228"/>
            </p:custDataLst>
          </p:nvPr>
        </p:nvSpPr>
        <p:spPr>
          <a:xfrm>
            <a:off x="12700" y="-102716"/>
            <a:ext cx="0" cy="0"/>
          </a:xfrm>
          <a:prstGeom prst="rect">
            <a:avLst/>
          </a:prstGeom>
          <a:noFill/>
        </p:spPr>
        <p:txBody>
          <a:bodyPr vert="horz" wrap="square" lIns="0" tIns="0" rIns="0" bIns="0" rtlCol="0" anchor="ctr" anchorCtr="0">
            <a:spAutoFit/>
          </a:bodyPr>
          <a:lstStyle/>
          <a:p>
            <a:pPr algn="r"/>
            <a:r>
              <a:rPr lang="en-SG" sz="1100" b="1">
                <a:solidFill>
                  <a:schemeClr val="dk1"/>
                </a:solidFill>
                <a:latin typeface="Calibri" panose="020F0502020204030204" pitchFamily="34" charset="0"/>
              </a:rPr>
              <a:t>SIV</a:t>
            </a:r>
          </a:p>
        </p:txBody>
      </p:sp>
      <p:sp>
        <p:nvSpPr>
          <p:cNvPr id="18" name="OTLSHAPE_M_818274a7f08e4f0a9f49b58b4a8a370c_Shape">
            <a:extLst>
              <a:ext uri="{FF2B5EF4-FFF2-40B4-BE49-F238E27FC236}">
                <a16:creationId xmlns:a16="http://schemas.microsoft.com/office/drawing/2014/main" id="{E9207AF7-7ACD-4E4B-9707-77C6704D8BEC}"/>
              </a:ext>
            </a:extLst>
          </p:cNvPr>
          <p:cNvSpPr/>
          <p:nvPr>
            <p:custDataLst>
              <p:tags r:id="rId229"/>
            </p:custDataLst>
          </p:nvPr>
        </p:nvSpPr>
        <p:spPr>
          <a:xfrm rot="5400000">
            <a:off x="1013088" y="959861"/>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16" name="OTLSHAPE_M_86eb4ea2752b42a9bc64e734a262fd38_Shape">
            <a:extLst>
              <a:ext uri="{FF2B5EF4-FFF2-40B4-BE49-F238E27FC236}">
                <a16:creationId xmlns:a16="http://schemas.microsoft.com/office/drawing/2014/main" id="{EA3FA345-ED1C-464F-9688-61FB11D76BDD}"/>
              </a:ext>
            </a:extLst>
          </p:cNvPr>
          <p:cNvSpPr/>
          <p:nvPr>
            <p:custDataLst>
              <p:tags r:id="rId230"/>
            </p:custDataLst>
          </p:nvPr>
        </p:nvSpPr>
        <p:spPr>
          <a:xfrm rot="5400000">
            <a:off x="5905053" y="959861"/>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67" name="OTLSHAPE_M_4556d3da29354a1f884bcbefc237e8d0_Shape">
            <a:extLst>
              <a:ext uri="{FF2B5EF4-FFF2-40B4-BE49-F238E27FC236}">
                <a16:creationId xmlns:a16="http://schemas.microsoft.com/office/drawing/2014/main" id="{3FEEBF2A-5288-48D8-AA49-ACC869292372}"/>
              </a:ext>
            </a:extLst>
          </p:cNvPr>
          <p:cNvSpPr/>
          <p:nvPr>
            <p:custDataLst>
              <p:tags r:id="rId231"/>
            </p:custDataLst>
          </p:nvPr>
        </p:nvSpPr>
        <p:spPr>
          <a:xfrm rot="16200000">
            <a:off x="7668978" y="390370"/>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 name="OTLSHAPE_M_818274a7f08e4f0a9f49b58b4a8a370c_Title">
            <a:extLst>
              <a:ext uri="{FF2B5EF4-FFF2-40B4-BE49-F238E27FC236}">
                <a16:creationId xmlns:a16="http://schemas.microsoft.com/office/drawing/2014/main" id="{106E7FE3-8328-4992-BA3A-E7C60E539D5F}"/>
              </a:ext>
            </a:extLst>
          </p:cNvPr>
          <p:cNvSpPr txBox="1"/>
          <p:nvPr>
            <p:custDataLst>
              <p:tags r:id="rId232"/>
            </p:custDataLst>
          </p:nvPr>
        </p:nvSpPr>
        <p:spPr>
          <a:xfrm>
            <a:off x="189705" y="841539"/>
            <a:ext cx="787400" cy="170519"/>
          </a:xfrm>
          <a:prstGeom prst="rect">
            <a:avLst/>
          </a:prstGeom>
          <a:noFill/>
        </p:spPr>
        <p:txBody>
          <a:bodyPr vert="horz" wrap="square" lIns="0" tIns="0" rIns="0" bIns="0" rtlCol="0" anchor="ctr" anchorCtr="0">
            <a:spAutoFit/>
          </a:bodyPr>
          <a:lstStyle/>
          <a:p>
            <a:pPr algn="r"/>
            <a:r>
              <a:rPr lang="en-SG" sz="1100" b="1" spc="-6">
                <a:solidFill>
                  <a:schemeClr val="dk1"/>
                </a:solidFill>
                <a:latin typeface="Calibri" panose="020F0502020204030204" pitchFamily="34" charset="0"/>
              </a:rPr>
              <a:t>Protocol/ ICF </a:t>
            </a:r>
          </a:p>
        </p:txBody>
      </p:sp>
      <p:sp>
        <p:nvSpPr>
          <p:cNvPr id="17" name="OTLSHAPE_M_818274a7f08e4f0a9f49b58b4a8a370c_Date">
            <a:extLst>
              <a:ext uri="{FF2B5EF4-FFF2-40B4-BE49-F238E27FC236}">
                <a16:creationId xmlns:a16="http://schemas.microsoft.com/office/drawing/2014/main" id="{2786AF16-0FE6-4BD5-8555-E2EFCE320A45}"/>
              </a:ext>
            </a:extLst>
          </p:cNvPr>
          <p:cNvSpPr txBox="1"/>
          <p:nvPr>
            <p:custDataLst>
              <p:tags r:id="rId233"/>
            </p:custDataLst>
          </p:nvPr>
        </p:nvSpPr>
        <p:spPr>
          <a:xfrm>
            <a:off x="611726" y="1037458"/>
            <a:ext cx="368300" cy="155025"/>
          </a:xfrm>
          <a:prstGeom prst="rect">
            <a:avLst/>
          </a:prstGeom>
          <a:noFill/>
        </p:spPr>
        <p:txBody>
          <a:bodyPr vert="horz" wrap="square" lIns="0" tIns="0" rIns="0" bIns="0" rtlCol="0" anchor="ctr" anchorCtr="0">
            <a:spAutoFit/>
          </a:bodyPr>
          <a:lstStyle/>
          <a:p>
            <a:pPr algn="r"/>
            <a:r>
              <a:rPr lang="en-SG" sz="1000" spc="-6">
                <a:solidFill>
                  <a:schemeClr val="dk2"/>
                </a:solidFill>
                <a:latin typeface="Calibri" panose="020F0502020204030204" pitchFamily="34" charset="0"/>
              </a:rPr>
              <a:t>Nov 15</a:t>
            </a:r>
          </a:p>
        </p:txBody>
      </p:sp>
      <p:sp>
        <p:nvSpPr>
          <p:cNvPr id="214" name="OTLSHAPE_M_86eb4ea2752b42a9bc64e734a262fd38_Title">
            <a:extLst>
              <a:ext uri="{FF2B5EF4-FFF2-40B4-BE49-F238E27FC236}">
                <a16:creationId xmlns:a16="http://schemas.microsoft.com/office/drawing/2014/main" id="{A3CD8975-E2EF-4D1B-B940-F3F7284B822E}"/>
              </a:ext>
            </a:extLst>
          </p:cNvPr>
          <p:cNvSpPr txBox="1"/>
          <p:nvPr>
            <p:custDataLst>
              <p:tags r:id="rId234"/>
            </p:custDataLst>
          </p:nvPr>
        </p:nvSpPr>
        <p:spPr>
          <a:xfrm>
            <a:off x="4851715" y="841539"/>
            <a:ext cx="1016000" cy="170519"/>
          </a:xfrm>
          <a:prstGeom prst="rect">
            <a:avLst/>
          </a:prstGeom>
          <a:noFill/>
        </p:spPr>
        <p:txBody>
          <a:bodyPr vert="horz" wrap="square" lIns="0" tIns="0" rIns="0" bIns="0" rtlCol="0" anchor="ctr" anchorCtr="0">
            <a:spAutoFit/>
          </a:bodyPr>
          <a:lstStyle/>
          <a:p>
            <a:pPr algn="r"/>
            <a:r>
              <a:rPr lang="en-SG" sz="1100" b="1" spc="-6">
                <a:solidFill>
                  <a:schemeClr val="dk1"/>
                </a:solidFill>
                <a:latin typeface="Calibri" panose="020F0502020204030204" pitchFamily="34" charset="0"/>
              </a:rPr>
              <a:t>Protocol/ICF V2.0</a:t>
            </a:r>
          </a:p>
        </p:txBody>
      </p:sp>
      <p:sp>
        <p:nvSpPr>
          <p:cNvPr id="215" name="OTLSHAPE_M_86eb4ea2752b42a9bc64e734a262fd38_Date">
            <a:extLst>
              <a:ext uri="{FF2B5EF4-FFF2-40B4-BE49-F238E27FC236}">
                <a16:creationId xmlns:a16="http://schemas.microsoft.com/office/drawing/2014/main" id="{5AD857C4-C49F-4A6F-BF83-155E8706496C}"/>
              </a:ext>
            </a:extLst>
          </p:cNvPr>
          <p:cNvSpPr txBox="1"/>
          <p:nvPr>
            <p:custDataLst>
              <p:tags r:id="rId235"/>
            </p:custDataLst>
          </p:nvPr>
        </p:nvSpPr>
        <p:spPr>
          <a:xfrm>
            <a:off x="5593522" y="1037458"/>
            <a:ext cx="279400" cy="155025"/>
          </a:xfrm>
          <a:prstGeom prst="rect">
            <a:avLst/>
          </a:prstGeom>
          <a:noFill/>
        </p:spPr>
        <p:txBody>
          <a:bodyPr vert="horz" wrap="square" lIns="0" tIns="0" rIns="0" bIns="0" rtlCol="0" anchor="ctr" anchorCtr="0">
            <a:spAutoFit/>
          </a:bodyPr>
          <a:lstStyle/>
          <a:p>
            <a:pPr algn="r"/>
            <a:r>
              <a:rPr lang="en-SG" sz="1000" spc="-6">
                <a:solidFill>
                  <a:schemeClr val="dk2"/>
                </a:solidFill>
                <a:latin typeface="Calibri" panose="020F0502020204030204" pitchFamily="34" charset="0"/>
              </a:rPr>
              <a:t>Oct 5</a:t>
            </a:r>
          </a:p>
        </p:txBody>
      </p:sp>
      <p:sp>
        <p:nvSpPr>
          <p:cNvPr id="265" name="OTLSHAPE_M_4556d3da29354a1f884bcbefc237e8d0_Title">
            <a:extLst>
              <a:ext uri="{FF2B5EF4-FFF2-40B4-BE49-F238E27FC236}">
                <a16:creationId xmlns:a16="http://schemas.microsoft.com/office/drawing/2014/main" id="{DDC7ADF7-2032-4365-8ED7-229F97E3423B}"/>
              </a:ext>
            </a:extLst>
          </p:cNvPr>
          <p:cNvSpPr txBox="1"/>
          <p:nvPr>
            <p:custDataLst>
              <p:tags r:id="rId236"/>
            </p:custDataLst>
          </p:nvPr>
        </p:nvSpPr>
        <p:spPr>
          <a:xfrm>
            <a:off x="7834078" y="305109"/>
            <a:ext cx="647700" cy="170519"/>
          </a:xfrm>
          <a:prstGeom prst="rect">
            <a:avLst/>
          </a:prstGeom>
          <a:noFill/>
        </p:spPr>
        <p:txBody>
          <a:bodyPr vert="horz" wrap="square" lIns="0" tIns="0" rIns="0" bIns="0" rtlCol="0" anchor="ctr" anchorCtr="0">
            <a:spAutoFit/>
          </a:bodyPr>
          <a:lstStyle/>
          <a:p>
            <a:r>
              <a:rPr lang="en-SG" sz="1100" b="1" spc="-22" dirty="0">
                <a:solidFill>
                  <a:schemeClr val="dk1"/>
                </a:solidFill>
                <a:latin typeface="Calibri" panose="020F0502020204030204" pitchFamily="34" charset="0"/>
              </a:rPr>
              <a:t>TOTAL=137</a:t>
            </a:r>
          </a:p>
        </p:txBody>
      </p:sp>
      <p:sp>
        <p:nvSpPr>
          <p:cNvPr id="266" name="OTLSHAPE_M_4556d3da29354a1f884bcbefc237e8d0_Date">
            <a:extLst>
              <a:ext uri="{FF2B5EF4-FFF2-40B4-BE49-F238E27FC236}">
                <a16:creationId xmlns:a16="http://schemas.microsoft.com/office/drawing/2014/main" id="{9C02B10D-C152-49A2-BB4D-5F675D51917D}"/>
              </a:ext>
            </a:extLst>
          </p:cNvPr>
          <p:cNvSpPr txBox="1"/>
          <p:nvPr>
            <p:custDataLst>
              <p:tags r:id="rId237"/>
            </p:custDataLst>
          </p:nvPr>
        </p:nvSpPr>
        <p:spPr>
          <a:xfrm>
            <a:off x="7846926" y="459678"/>
            <a:ext cx="330200" cy="155025"/>
          </a:xfrm>
          <a:prstGeom prst="rect">
            <a:avLst/>
          </a:prstGeom>
          <a:noFill/>
        </p:spPr>
        <p:txBody>
          <a:bodyPr vert="horz" wrap="square" lIns="0" tIns="0" rIns="0" bIns="0" rtlCol="0" anchor="ctr" anchorCtr="0">
            <a:spAutoFit/>
          </a:bodyPr>
          <a:lstStyle/>
          <a:p>
            <a:r>
              <a:rPr lang="en-SG" sz="1000" spc="-6">
                <a:solidFill>
                  <a:schemeClr val="dk2"/>
                </a:solidFill>
                <a:latin typeface="Calibri" panose="020F0502020204030204" pitchFamily="34" charset="0"/>
              </a:rPr>
              <a:t>Jan 15</a:t>
            </a:r>
          </a:p>
        </p:txBody>
      </p:sp>
      <p:pic>
        <p:nvPicPr>
          <p:cNvPr id="280" name="Picture 279">
            <a:extLst>
              <a:ext uri="{FF2B5EF4-FFF2-40B4-BE49-F238E27FC236}">
                <a16:creationId xmlns:a16="http://schemas.microsoft.com/office/drawing/2014/main" id="{F49A0E38-1A9B-4E9F-817A-D5FBD4996430}"/>
              </a:ext>
            </a:extLst>
          </p:cNvPr>
          <p:cNvPicPr>
            <a:picLocks noChangeAspect="1"/>
          </p:cNvPicPr>
          <p:nvPr/>
        </p:nvPicPr>
        <p:blipFill>
          <a:blip r:embed="rId239"/>
          <a:stretch>
            <a:fillRect/>
          </a:stretch>
        </p:blipFill>
        <p:spPr>
          <a:xfrm>
            <a:off x="3153341" y="138287"/>
            <a:ext cx="2231688" cy="430587"/>
          </a:xfrm>
          <a:prstGeom prst="rect">
            <a:avLst/>
          </a:prstGeom>
        </p:spPr>
      </p:pic>
    </p:spTree>
    <p:custDataLst>
      <p:tags r:id="rId1"/>
    </p:custDataLst>
    <p:extLst>
      <p:ext uri="{BB962C8B-B14F-4D97-AF65-F5344CB8AC3E}">
        <p14:creationId xmlns:p14="http://schemas.microsoft.com/office/powerpoint/2010/main" val="147239530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hart 5">
            <a:extLst>
              <a:ext uri="{FF2B5EF4-FFF2-40B4-BE49-F238E27FC236}">
                <a16:creationId xmlns:a16="http://schemas.microsoft.com/office/drawing/2014/main" id="{D6CF5D33-FECF-4A2E-8FB9-E04F093301DE}"/>
              </a:ext>
            </a:extLst>
          </p:cNvPr>
          <p:cNvGraphicFramePr/>
          <p:nvPr>
            <p:extLst>
              <p:ext uri="{D42A27DB-BD31-4B8C-83A1-F6EECF244321}">
                <p14:modId xmlns:p14="http://schemas.microsoft.com/office/powerpoint/2010/main" val="1024820195"/>
              </p:ext>
            </p:extLst>
          </p:nvPr>
        </p:nvGraphicFramePr>
        <p:xfrm>
          <a:off x="341801" y="1234640"/>
          <a:ext cx="8659018" cy="5487002"/>
        </p:xfrm>
        <a:graphic>
          <a:graphicData uri="http://schemas.openxmlformats.org/drawingml/2006/chart">
            <c:chart xmlns:c="http://schemas.openxmlformats.org/drawingml/2006/chart" xmlns:r="http://schemas.openxmlformats.org/officeDocument/2006/relationships" r:id="rId3"/>
          </a:graphicData>
        </a:graphic>
      </p:graphicFrame>
      <p:pic>
        <p:nvPicPr>
          <p:cNvPr id="2" name="Picture 1">
            <a:extLst>
              <a:ext uri="{FF2B5EF4-FFF2-40B4-BE49-F238E27FC236}">
                <a16:creationId xmlns:a16="http://schemas.microsoft.com/office/drawing/2014/main" id="{A88440CE-FCEB-401F-8513-126E8DF93309}"/>
              </a:ext>
            </a:extLst>
          </p:cNvPr>
          <p:cNvPicPr>
            <a:picLocks noChangeAspect="1"/>
          </p:cNvPicPr>
          <p:nvPr/>
        </p:nvPicPr>
        <p:blipFill>
          <a:blip r:embed="rId4"/>
          <a:stretch>
            <a:fillRect/>
          </a:stretch>
        </p:blipFill>
        <p:spPr>
          <a:xfrm>
            <a:off x="4671310" y="53581"/>
            <a:ext cx="4472690" cy="862971"/>
          </a:xfrm>
          <a:prstGeom prst="rect">
            <a:avLst/>
          </a:prstGeom>
        </p:spPr>
      </p:pic>
      <p:graphicFrame>
        <p:nvGraphicFramePr>
          <p:cNvPr id="4" name="Content Placeholder 6">
            <a:extLst>
              <a:ext uri="{FF2B5EF4-FFF2-40B4-BE49-F238E27FC236}">
                <a16:creationId xmlns:a16="http://schemas.microsoft.com/office/drawing/2014/main" id="{41DED30E-6CC5-4336-8BCA-6BB92AC0ED69}"/>
              </a:ext>
            </a:extLst>
          </p:cNvPr>
          <p:cNvGraphicFramePr>
            <a:graphicFrameLocks/>
          </p:cNvGraphicFramePr>
          <p:nvPr>
            <p:extLst>
              <p:ext uri="{D42A27DB-BD31-4B8C-83A1-F6EECF244321}">
                <p14:modId xmlns:p14="http://schemas.microsoft.com/office/powerpoint/2010/main" val="796322645"/>
              </p:ext>
            </p:extLst>
          </p:nvPr>
        </p:nvGraphicFramePr>
        <p:xfrm>
          <a:off x="628650" y="1825625"/>
          <a:ext cx="4734460" cy="2314860"/>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Tree>
    <p:custDataLst>
      <p:tags r:id="rId1"/>
    </p:custDataLst>
    <p:extLst>
      <p:ext uri="{BB962C8B-B14F-4D97-AF65-F5344CB8AC3E}">
        <p14:creationId xmlns:p14="http://schemas.microsoft.com/office/powerpoint/2010/main" val="209494002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7D270591-8923-45DE-AC39-4E459D0F2348}"/>
              </a:ext>
            </a:extLst>
          </p:cNvPr>
          <p:cNvSpPr txBox="1"/>
          <p:nvPr/>
        </p:nvSpPr>
        <p:spPr>
          <a:xfrm>
            <a:off x="2938462" y="157362"/>
            <a:ext cx="3833814" cy="369332"/>
          </a:xfrm>
          <a:prstGeom prst="rect">
            <a:avLst/>
          </a:prstGeom>
          <a:noFill/>
          <a:ln>
            <a:solidFill>
              <a:schemeClr val="tx1"/>
            </a:solidFill>
          </a:ln>
        </p:spPr>
        <p:txBody>
          <a:bodyPr wrap="square" rtlCol="0">
            <a:spAutoFit/>
          </a:bodyPr>
          <a:lstStyle/>
          <a:p>
            <a:pPr algn="ctr"/>
            <a:r>
              <a:rPr lang="en-SG" dirty="0"/>
              <a:t>174 Patients were screened</a:t>
            </a:r>
          </a:p>
        </p:txBody>
      </p:sp>
      <p:sp>
        <p:nvSpPr>
          <p:cNvPr id="3" name="TextBox 2">
            <a:extLst>
              <a:ext uri="{FF2B5EF4-FFF2-40B4-BE49-F238E27FC236}">
                <a16:creationId xmlns:a16="http://schemas.microsoft.com/office/drawing/2014/main" id="{E41E52C1-70B4-428F-81F0-7E82BEF4496E}"/>
              </a:ext>
            </a:extLst>
          </p:cNvPr>
          <p:cNvSpPr txBox="1"/>
          <p:nvPr/>
        </p:nvSpPr>
        <p:spPr>
          <a:xfrm>
            <a:off x="2924173" y="2626526"/>
            <a:ext cx="3876678" cy="369332"/>
          </a:xfrm>
          <a:prstGeom prst="rect">
            <a:avLst/>
          </a:prstGeom>
          <a:noFill/>
          <a:ln>
            <a:solidFill>
              <a:schemeClr val="tx1"/>
            </a:solidFill>
          </a:ln>
        </p:spPr>
        <p:txBody>
          <a:bodyPr wrap="square" rtlCol="0">
            <a:spAutoFit/>
          </a:bodyPr>
          <a:lstStyle/>
          <a:p>
            <a:pPr algn="ctr"/>
            <a:r>
              <a:rPr lang="en-SG" dirty="0"/>
              <a:t>137 Underwent randomisation</a:t>
            </a:r>
          </a:p>
        </p:txBody>
      </p:sp>
      <p:sp>
        <p:nvSpPr>
          <p:cNvPr id="4" name="TextBox 3">
            <a:extLst>
              <a:ext uri="{FF2B5EF4-FFF2-40B4-BE49-F238E27FC236}">
                <a16:creationId xmlns:a16="http://schemas.microsoft.com/office/drawing/2014/main" id="{7043F6BC-FC11-482C-A742-618914E0EEAA}"/>
              </a:ext>
            </a:extLst>
          </p:cNvPr>
          <p:cNvSpPr txBox="1"/>
          <p:nvPr/>
        </p:nvSpPr>
        <p:spPr>
          <a:xfrm>
            <a:off x="847723" y="3159235"/>
            <a:ext cx="3876678" cy="369332"/>
          </a:xfrm>
          <a:prstGeom prst="rect">
            <a:avLst/>
          </a:prstGeom>
          <a:noFill/>
          <a:ln>
            <a:solidFill>
              <a:schemeClr val="tx1"/>
            </a:solidFill>
          </a:ln>
        </p:spPr>
        <p:txBody>
          <a:bodyPr wrap="square" rtlCol="0">
            <a:spAutoFit/>
          </a:bodyPr>
          <a:lstStyle/>
          <a:p>
            <a:pPr algn="ctr"/>
            <a:r>
              <a:rPr lang="en-SG" i="1" dirty="0"/>
              <a:t>XX</a:t>
            </a:r>
            <a:r>
              <a:rPr lang="en-SG" dirty="0"/>
              <a:t> assigned to Standard of care</a:t>
            </a:r>
          </a:p>
        </p:txBody>
      </p:sp>
      <p:sp>
        <p:nvSpPr>
          <p:cNvPr id="5" name="TextBox 4">
            <a:extLst>
              <a:ext uri="{FF2B5EF4-FFF2-40B4-BE49-F238E27FC236}">
                <a16:creationId xmlns:a16="http://schemas.microsoft.com/office/drawing/2014/main" id="{46D2E160-1EE6-4843-A078-CEDE0252E142}"/>
              </a:ext>
            </a:extLst>
          </p:cNvPr>
          <p:cNvSpPr txBox="1"/>
          <p:nvPr/>
        </p:nvSpPr>
        <p:spPr>
          <a:xfrm>
            <a:off x="5019674" y="3155811"/>
            <a:ext cx="3971926" cy="369332"/>
          </a:xfrm>
          <a:prstGeom prst="rect">
            <a:avLst/>
          </a:prstGeom>
          <a:noFill/>
          <a:ln>
            <a:solidFill>
              <a:schemeClr val="tx1"/>
            </a:solidFill>
          </a:ln>
        </p:spPr>
        <p:txBody>
          <a:bodyPr wrap="square" rtlCol="0">
            <a:spAutoFit/>
          </a:bodyPr>
          <a:lstStyle/>
          <a:p>
            <a:pPr algn="ctr"/>
            <a:r>
              <a:rPr lang="en-SG" i="1" dirty="0"/>
              <a:t>XX</a:t>
            </a:r>
            <a:r>
              <a:rPr lang="en-SG" dirty="0"/>
              <a:t> assigned to adjunctive Rosuvastatin</a:t>
            </a:r>
          </a:p>
        </p:txBody>
      </p:sp>
      <p:sp>
        <p:nvSpPr>
          <p:cNvPr id="6" name="TextBox 5">
            <a:extLst>
              <a:ext uri="{FF2B5EF4-FFF2-40B4-BE49-F238E27FC236}">
                <a16:creationId xmlns:a16="http://schemas.microsoft.com/office/drawing/2014/main" id="{5A50278F-C501-4A49-ADCE-6C888A033516}"/>
              </a:ext>
            </a:extLst>
          </p:cNvPr>
          <p:cNvSpPr txBox="1"/>
          <p:nvPr/>
        </p:nvSpPr>
        <p:spPr>
          <a:xfrm>
            <a:off x="5884065" y="540796"/>
            <a:ext cx="3193261" cy="2031325"/>
          </a:xfrm>
          <a:prstGeom prst="rect">
            <a:avLst/>
          </a:prstGeom>
          <a:noFill/>
          <a:ln>
            <a:solidFill>
              <a:schemeClr val="tx1"/>
            </a:solidFill>
          </a:ln>
        </p:spPr>
        <p:txBody>
          <a:bodyPr wrap="square" rtlCol="0">
            <a:spAutoFit/>
          </a:bodyPr>
          <a:lstStyle/>
          <a:p>
            <a:r>
              <a:rPr lang="en-SG" dirty="0"/>
              <a:t>37 Screen failed</a:t>
            </a:r>
          </a:p>
          <a:p>
            <a:pPr algn="r"/>
            <a:r>
              <a:rPr lang="en-SG" sz="1200" dirty="0"/>
              <a:t>20 Smear/Xpert criteria not met</a:t>
            </a:r>
          </a:p>
          <a:p>
            <a:pPr algn="r"/>
            <a:r>
              <a:rPr lang="en-SG" sz="1200" dirty="0"/>
              <a:t>1 Did not attend randomisation visit</a:t>
            </a:r>
          </a:p>
          <a:p>
            <a:pPr algn="r"/>
            <a:r>
              <a:rPr lang="en-SG" sz="1200" dirty="0"/>
              <a:t>3 Had &gt;7 days of TB Treatment </a:t>
            </a:r>
          </a:p>
          <a:p>
            <a:pPr algn="r"/>
            <a:r>
              <a:rPr lang="en-SG" sz="1200" dirty="0"/>
              <a:t>1 Had known rifampicin resistance</a:t>
            </a:r>
          </a:p>
          <a:p>
            <a:pPr algn="r"/>
            <a:r>
              <a:rPr lang="en-SG" sz="1200" dirty="0"/>
              <a:t>4 Had abnormal laboratory tests at visit</a:t>
            </a:r>
          </a:p>
          <a:p>
            <a:pPr algn="r"/>
            <a:r>
              <a:rPr lang="en-SG" sz="1200" dirty="0"/>
              <a:t>2 Had uncontrolled HIV</a:t>
            </a:r>
          </a:p>
          <a:p>
            <a:pPr algn="r"/>
            <a:r>
              <a:rPr lang="en-SG" sz="1200" dirty="0"/>
              <a:t>1 Required statin therapy at screening</a:t>
            </a:r>
          </a:p>
          <a:p>
            <a:pPr algn="r"/>
            <a:r>
              <a:rPr lang="en-SG" sz="1200" dirty="0"/>
              <a:t>1 Was breast-feeding</a:t>
            </a:r>
          </a:p>
          <a:p>
            <a:pPr algn="r"/>
            <a:r>
              <a:rPr lang="en-SG" sz="1200" dirty="0"/>
              <a:t>4 Had other diseases which compromised safety</a:t>
            </a:r>
          </a:p>
        </p:txBody>
      </p:sp>
      <p:cxnSp>
        <p:nvCxnSpPr>
          <p:cNvPr id="8" name="Straight Arrow Connector 7">
            <a:extLst>
              <a:ext uri="{FF2B5EF4-FFF2-40B4-BE49-F238E27FC236}">
                <a16:creationId xmlns:a16="http://schemas.microsoft.com/office/drawing/2014/main" id="{993A2240-0F82-4E04-9475-C44B0892B076}"/>
              </a:ext>
            </a:extLst>
          </p:cNvPr>
          <p:cNvCxnSpPr>
            <a:stCxn id="2" idx="2"/>
            <a:endCxn id="3" idx="0"/>
          </p:cNvCxnSpPr>
          <p:nvPr/>
        </p:nvCxnSpPr>
        <p:spPr>
          <a:xfrm>
            <a:off x="4855369" y="526694"/>
            <a:ext cx="7143" cy="2099832"/>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5DBEFE60-840F-491C-BA96-CC45822844B3}"/>
              </a:ext>
            </a:extLst>
          </p:cNvPr>
          <p:cNvSpPr txBox="1"/>
          <p:nvPr/>
        </p:nvSpPr>
        <p:spPr>
          <a:xfrm>
            <a:off x="847723" y="4500116"/>
            <a:ext cx="3876678" cy="646331"/>
          </a:xfrm>
          <a:prstGeom prst="rect">
            <a:avLst/>
          </a:prstGeom>
          <a:noFill/>
          <a:ln>
            <a:solidFill>
              <a:schemeClr val="tx1"/>
            </a:solidFill>
          </a:ln>
        </p:spPr>
        <p:txBody>
          <a:bodyPr wrap="square" rtlCol="0">
            <a:spAutoFit/>
          </a:bodyPr>
          <a:lstStyle/>
          <a:p>
            <a:pPr algn="ctr"/>
            <a:r>
              <a:rPr lang="en-SG" i="1" dirty="0"/>
              <a:t>XX </a:t>
            </a:r>
            <a:r>
              <a:rPr lang="en-SG" dirty="0"/>
              <a:t>included in modified intention-to-treat analysis</a:t>
            </a:r>
          </a:p>
        </p:txBody>
      </p:sp>
      <p:sp>
        <p:nvSpPr>
          <p:cNvPr id="19" name="TextBox 18">
            <a:extLst>
              <a:ext uri="{FF2B5EF4-FFF2-40B4-BE49-F238E27FC236}">
                <a16:creationId xmlns:a16="http://schemas.microsoft.com/office/drawing/2014/main" id="{4A9BF58C-EDEE-4910-9D93-96C6E545752A}"/>
              </a:ext>
            </a:extLst>
          </p:cNvPr>
          <p:cNvSpPr txBox="1"/>
          <p:nvPr/>
        </p:nvSpPr>
        <p:spPr>
          <a:xfrm>
            <a:off x="5067298" y="4488433"/>
            <a:ext cx="3876678" cy="646331"/>
          </a:xfrm>
          <a:prstGeom prst="rect">
            <a:avLst/>
          </a:prstGeom>
          <a:noFill/>
          <a:ln>
            <a:solidFill>
              <a:schemeClr val="tx1"/>
            </a:solidFill>
          </a:ln>
        </p:spPr>
        <p:txBody>
          <a:bodyPr wrap="square" rtlCol="0">
            <a:spAutoFit/>
          </a:bodyPr>
          <a:lstStyle/>
          <a:p>
            <a:pPr algn="ctr"/>
            <a:r>
              <a:rPr lang="en-SG" i="1" dirty="0"/>
              <a:t>XX</a:t>
            </a:r>
            <a:r>
              <a:rPr lang="en-SG" dirty="0"/>
              <a:t> included in modified intention-to-treat analysis</a:t>
            </a:r>
          </a:p>
        </p:txBody>
      </p:sp>
      <p:sp>
        <p:nvSpPr>
          <p:cNvPr id="20" name="TextBox 19">
            <a:extLst>
              <a:ext uri="{FF2B5EF4-FFF2-40B4-BE49-F238E27FC236}">
                <a16:creationId xmlns:a16="http://schemas.microsoft.com/office/drawing/2014/main" id="{0344731D-57F7-4527-86CF-223802F36CC8}"/>
              </a:ext>
            </a:extLst>
          </p:cNvPr>
          <p:cNvSpPr txBox="1"/>
          <p:nvPr/>
        </p:nvSpPr>
        <p:spPr>
          <a:xfrm>
            <a:off x="847723" y="6281291"/>
            <a:ext cx="3876678" cy="369332"/>
          </a:xfrm>
          <a:prstGeom prst="rect">
            <a:avLst/>
          </a:prstGeom>
          <a:noFill/>
          <a:ln>
            <a:solidFill>
              <a:schemeClr val="tx1"/>
            </a:solidFill>
          </a:ln>
        </p:spPr>
        <p:txBody>
          <a:bodyPr wrap="square" rtlCol="0">
            <a:spAutoFit/>
          </a:bodyPr>
          <a:lstStyle/>
          <a:p>
            <a:pPr algn="ctr"/>
            <a:r>
              <a:rPr lang="en-SG" i="1" dirty="0"/>
              <a:t>XX</a:t>
            </a:r>
            <a:r>
              <a:rPr lang="en-SG" dirty="0"/>
              <a:t> included in per-protocol analysis</a:t>
            </a:r>
          </a:p>
        </p:txBody>
      </p:sp>
      <p:sp>
        <p:nvSpPr>
          <p:cNvPr id="21" name="TextBox 20">
            <a:extLst>
              <a:ext uri="{FF2B5EF4-FFF2-40B4-BE49-F238E27FC236}">
                <a16:creationId xmlns:a16="http://schemas.microsoft.com/office/drawing/2014/main" id="{8929673E-1C76-4F1A-AFCC-7794197CAB32}"/>
              </a:ext>
            </a:extLst>
          </p:cNvPr>
          <p:cNvSpPr txBox="1"/>
          <p:nvPr/>
        </p:nvSpPr>
        <p:spPr>
          <a:xfrm>
            <a:off x="5066705" y="6265902"/>
            <a:ext cx="3876678" cy="369332"/>
          </a:xfrm>
          <a:prstGeom prst="rect">
            <a:avLst/>
          </a:prstGeom>
          <a:noFill/>
          <a:ln>
            <a:solidFill>
              <a:schemeClr val="tx1"/>
            </a:solidFill>
          </a:ln>
        </p:spPr>
        <p:txBody>
          <a:bodyPr wrap="square" rtlCol="0">
            <a:spAutoFit/>
          </a:bodyPr>
          <a:lstStyle/>
          <a:p>
            <a:pPr algn="ctr"/>
            <a:r>
              <a:rPr lang="en-SG" i="1" dirty="0"/>
              <a:t>XX</a:t>
            </a:r>
            <a:r>
              <a:rPr lang="en-SG" dirty="0"/>
              <a:t> included in per-protocol analysis</a:t>
            </a:r>
          </a:p>
        </p:txBody>
      </p:sp>
      <p:cxnSp>
        <p:nvCxnSpPr>
          <p:cNvPr id="25" name="Straight Arrow Connector 24">
            <a:extLst>
              <a:ext uri="{FF2B5EF4-FFF2-40B4-BE49-F238E27FC236}">
                <a16:creationId xmlns:a16="http://schemas.microsoft.com/office/drawing/2014/main" id="{8B7589D3-902B-474B-ABB0-9C3F07798AF4}"/>
              </a:ext>
            </a:extLst>
          </p:cNvPr>
          <p:cNvCxnSpPr>
            <a:stCxn id="4" idx="2"/>
            <a:endCxn id="18" idx="0"/>
          </p:cNvCxnSpPr>
          <p:nvPr/>
        </p:nvCxnSpPr>
        <p:spPr>
          <a:xfrm>
            <a:off x="2786062" y="3528567"/>
            <a:ext cx="0" cy="971549"/>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EE550028-A65C-4414-91D1-3A349C5229CD}"/>
              </a:ext>
            </a:extLst>
          </p:cNvPr>
          <p:cNvCxnSpPr>
            <a:stCxn id="5" idx="2"/>
            <a:endCxn id="19" idx="0"/>
          </p:cNvCxnSpPr>
          <p:nvPr/>
        </p:nvCxnSpPr>
        <p:spPr>
          <a:xfrm>
            <a:off x="7005637" y="3525143"/>
            <a:ext cx="0" cy="96329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29" name="Straight Arrow Connector 28">
            <a:extLst>
              <a:ext uri="{FF2B5EF4-FFF2-40B4-BE49-F238E27FC236}">
                <a16:creationId xmlns:a16="http://schemas.microsoft.com/office/drawing/2014/main" id="{AF68D589-8C8A-49FC-8D01-E393036166FF}"/>
              </a:ext>
            </a:extLst>
          </p:cNvPr>
          <p:cNvCxnSpPr>
            <a:stCxn id="18" idx="2"/>
            <a:endCxn id="20" idx="0"/>
          </p:cNvCxnSpPr>
          <p:nvPr/>
        </p:nvCxnSpPr>
        <p:spPr>
          <a:xfrm>
            <a:off x="2786062" y="5146447"/>
            <a:ext cx="0" cy="113484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1" name="Straight Arrow Connector 30">
            <a:extLst>
              <a:ext uri="{FF2B5EF4-FFF2-40B4-BE49-F238E27FC236}">
                <a16:creationId xmlns:a16="http://schemas.microsoft.com/office/drawing/2014/main" id="{61266152-67D6-46FC-8784-C11ED06FEAD5}"/>
              </a:ext>
            </a:extLst>
          </p:cNvPr>
          <p:cNvCxnSpPr>
            <a:stCxn id="19" idx="2"/>
            <a:endCxn id="21" idx="0"/>
          </p:cNvCxnSpPr>
          <p:nvPr/>
        </p:nvCxnSpPr>
        <p:spPr>
          <a:xfrm flipH="1">
            <a:off x="7005044" y="5134764"/>
            <a:ext cx="593" cy="1131138"/>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62EB528E-BA0A-41F4-B31B-BE0AEB23B5AA}"/>
              </a:ext>
            </a:extLst>
          </p:cNvPr>
          <p:cNvSpPr txBox="1"/>
          <p:nvPr/>
        </p:nvSpPr>
        <p:spPr>
          <a:xfrm>
            <a:off x="3061101" y="3620387"/>
            <a:ext cx="1663300" cy="261610"/>
          </a:xfrm>
          <a:prstGeom prst="rect">
            <a:avLst/>
          </a:prstGeom>
          <a:noFill/>
          <a:ln>
            <a:solidFill>
              <a:schemeClr val="tx1"/>
            </a:solidFill>
          </a:ln>
        </p:spPr>
        <p:txBody>
          <a:bodyPr wrap="square" rtlCol="0">
            <a:spAutoFit/>
          </a:bodyPr>
          <a:lstStyle/>
          <a:p>
            <a:r>
              <a:rPr lang="en-SG" sz="1100" dirty="0"/>
              <a:t>X Excluded from analysis</a:t>
            </a:r>
          </a:p>
        </p:txBody>
      </p:sp>
      <p:sp>
        <p:nvSpPr>
          <p:cNvPr id="33" name="TextBox 32">
            <a:extLst>
              <a:ext uri="{FF2B5EF4-FFF2-40B4-BE49-F238E27FC236}">
                <a16:creationId xmlns:a16="http://schemas.microsoft.com/office/drawing/2014/main" id="{DA70E4A5-86A7-4866-95C9-09F6497C1B38}"/>
              </a:ext>
            </a:extLst>
          </p:cNvPr>
          <p:cNvSpPr txBox="1"/>
          <p:nvPr/>
        </p:nvSpPr>
        <p:spPr>
          <a:xfrm>
            <a:off x="7328300" y="3605055"/>
            <a:ext cx="1663300" cy="261610"/>
          </a:xfrm>
          <a:prstGeom prst="rect">
            <a:avLst/>
          </a:prstGeom>
          <a:noFill/>
          <a:ln>
            <a:solidFill>
              <a:schemeClr val="tx1"/>
            </a:solidFill>
          </a:ln>
        </p:spPr>
        <p:txBody>
          <a:bodyPr wrap="square" rtlCol="0">
            <a:spAutoFit/>
          </a:bodyPr>
          <a:lstStyle/>
          <a:p>
            <a:r>
              <a:rPr lang="en-SG" sz="1100" dirty="0"/>
              <a:t>X Excluded from analysis</a:t>
            </a:r>
          </a:p>
        </p:txBody>
      </p:sp>
      <p:sp>
        <p:nvSpPr>
          <p:cNvPr id="34" name="TextBox 33">
            <a:extLst>
              <a:ext uri="{FF2B5EF4-FFF2-40B4-BE49-F238E27FC236}">
                <a16:creationId xmlns:a16="http://schemas.microsoft.com/office/drawing/2014/main" id="{27915485-B600-48C1-A800-B2F60F3F0926}"/>
              </a:ext>
            </a:extLst>
          </p:cNvPr>
          <p:cNvSpPr txBox="1"/>
          <p:nvPr/>
        </p:nvSpPr>
        <p:spPr>
          <a:xfrm>
            <a:off x="3061101" y="5336286"/>
            <a:ext cx="1663300" cy="261610"/>
          </a:xfrm>
          <a:prstGeom prst="rect">
            <a:avLst/>
          </a:prstGeom>
          <a:noFill/>
          <a:ln>
            <a:solidFill>
              <a:schemeClr val="tx1"/>
            </a:solidFill>
          </a:ln>
        </p:spPr>
        <p:txBody>
          <a:bodyPr wrap="square" rtlCol="0">
            <a:spAutoFit/>
          </a:bodyPr>
          <a:lstStyle/>
          <a:p>
            <a:r>
              <a:rPr lang="en-SG" sz="1100" dirty="0"/>
              <a:t>X Were excluded</a:t>
            </a:r>
          </a:p>
        </p:txBody>
      </p:sp>
      <p:sp>
        <p:nvSpPr>
          <p:cNvPr id="35" name="TextBox 34">
            <a:extLst>
              <a:ext uri="{FF2B5EF4-FFF2-40B4-BE49-F238E27FC236}">
                <a16:creationId xmlns:a16="http://schemas.microsoft.com/office/drawing/2014/main" id="{536A27A3-1786-4011-A65D-C4BEC726BD68}"/>
              </a:ext>
            </a:extLst>
          </p:cNvPr>
          <p:cNvSpPr txBox="1"/>
          <p:nvPr/>
        </p:nvSpPr>
        <p:spPr>
          <a:xfrm>
            <a:off x="7328300" y="5351428"/>
            <a:ext cx="1663300" cy="261610"/>
          </a:xfrm>
          <a:prstGeom prst="rect">
            <a:avLst/>
          </a:prstGeom>
          <a:noFill/>
          <a:ln>
            <a:solidFill>
              <a:schemeClr val="tx1"/>
            </a:solidFill>
          </a:ln>
        </p:spPr>
        <p:txBody>
          <a:bodyPr wrap="square" rtlCol="0">
            <a:spAutoFit/>
          </a:bodyPr>
          <a:lstStyle/>
          <a:p>
            <a:r>
              <a:rPr lang="en-SG" sz="1100" dirty="0"/>
              <a:t>X Were excluded</a:t>
            </a:r>
          </a:p>
        </p:txBody>
      </p:sp>
      <p:cxnSp>
        <p:nvCxnSpPr>
          <p:cNvPr id="37" name="Straight Arrow Connector 36">
            <a:extLst>
              <a:ext uri="{FF2B5EF4-FFF2-40B4-BE49-F238E27FC236}">
                <a16:creationId xmlns:a16="http://schemas.microsoft.com/office/drawing/2014/main" id="{544675E7-F44E-40D5-BADB-A485AFAD0687}"/>
              </a:ext>
            </a:extLst>
          </p:cNvPr>
          <p:cNvCxnSpPr>
            <a:endCxn id="32" idx="1"/>
          </p:cNvCxnSpPr>
          <p:nvPr/>
        </p:nvCxnSpPr>
        <p:spPr>
          <a:xfrm>
            <a:off x="2786062" y="3751192"/>
            <a:ext cx="275039"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9" name="Straight Arrow Connector 38">
            <a:extLst>
              <a:ext uri="{FF2B5EF4-FFF2-40B4-BE49-F238E27FC236}">
                <a16:creationId xmlns:a16="http://schemas.microsoft.com/office/drawing/2014/main" id="{90B76EE4-C1BF-4D64-A63C-5713C26D2470}"/>
              </a:ext>
            </a:extLst>
          </p:cNvPr>
          <p:cNvCxnSpPr>
            <a:cxnSpLocks/>
            <a:endCxn id="33" idx="1"/>
          </p:cNvCxnSpPr>
          <p:nvPr/>
        </p:nvCxnSpPr>
        <p:spPr>
          <a:xfrm>
            <a:off x="7005637" y="3728390"/>
            <a:ext cx="322663" cy="747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2" name="Straight Arrow Connector 41">
            <a:extLst>
              <a:ext uri="{FF2B5EF4-FFF2-40B4-BE49-F238E27FC236}">
                <a16:creationId xmlns:a16="http://schemas.microsoft.com/office/drawing/2014/main" id="{B88CC00A-524B-4718-9C66-7BD76F4751F8}"/>
              </a:ext>
            </a:extLst>
          </p:cNvPr>
          <p:cNvCxnSpPr>
            <a:cxnSpLocks/>
            <a:endCxn id="34" idx="1"/>
          </p:cNvCxnSpPr>
          <p:nvPr/>
        </p:nvCxnSpPr>
        <p:spPr>
          <a:xfrm>
            <a:off x="2786062" y="5467091"/>
            <a:ext cx="275039"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5" name="Straight Arrow Connector 44">
            <a:extLst>
              <a:ext uri="{FF2B5EF4-FFF2-40B4-BE49-F238E27FC236}">
                <a16:creationId xmlns:a16="http://schemas.microsoft.com/office/drawing/2014/main" id="{625611C0-7601-487A-8568-66DC831A89B5}"/>
              </a:ext>
            </a:extLst>
          </p:cNvPr>
          <p:cNvCxnSpPr>
            <a:endCxn id="35" idx="1"/>
          </p:cNvCxnSpPr>
          <p:nvPr/>
        </p:nvCxnSpPr>
        <p:spPr>
          <a:xfrm>
            <a:off x="7015161" y="5482233"/>
            <a:ext cx="313139" cy="0"/>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1" name="Straight Arrow Connector 50">
            <a:extLst>
              <a:ext uri="{FF2B5EF4-FFF2-40B4-BE49-F238E27FC236}">
                <a16:creationId xmlns:a16="http://schemas.microsoft.com/office/drawing/2014/main" id="{1F67F18F-9526-4FD7-AE0E-F29F90E3FD09}"/>
              </a:ext>
            </a:extLst>
          </p:cNvPr>
          <p:cNvCxnSpPr>
            <a:endCxn id="6" idx="1"/>
          </p:cNvCxnSpPr>
          <p:nvPr/>
        </p:nvCxnSpPr>
        <p:spPr>
          <a:xfrm>
            <a:off x="4788694" y="1552575"/>
            <a:ext cx="1095371" cy="3884"/>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3" name="Connector: Elbow 52">
            <a:extLst>
              <a:ext uri="{FF2B5EF4-FFF2-40B4-BE49-F238E27FC236}">
                <a16:creationId xmlns:a16="http://schemas.microsoft.com/office/drawing/2014/main" id="{DA88CEFD-C8DF-402B-8F63-AF308607CB51}"/>
              </a:ext>
            </a:extLst>
          </p:cNvPr>
          <p:cNvCxnSpPr>
            <a:cxnSpLocks/>
            <a:stCxn id="3" idx="2"/>
            <a:endCxn id="4" idx="0"/>
          </p:cNvCxnSpPr>
          <p:nvPr/>
        </p:nvCxnSpPr>
        <p:spPr>
          <a:xfrm rot="5400000">
            <a:off x="3742599" y="2039321"/>
            <a:ext cx="163377" cy="2076450"/>
          </a:xfrm>
          <a:prstGeom prst="bentConnector3">
            <a:avLst/>
          </a:prstGeom>
          <a:ln>
            <a:tailEnd type="triangle"/>
          </a:ln>
        </p:spPr>
        <p:style>
          <a:lnRef idx="1">
            <a:schemeClr val="dk1"/>
          </a:lnRef>
          <a:fillRef idx="0">
            <a:schemeClr val="dk1"/>
          </a:fillRef>
          <a:effectRef idx="0">
            <a:schemeClr val="dk1"/>
          </a:effectRef>
          <a:fontRef idx="minor">
            <a:schemeClr val="tx1"/>
          </a:fontRef>
        </p:style>
      </p:cxnSp>
      <p:cxnSp>
        <p:nvCxnSpPr>
          <p:cNvPr id="57" name="Connector: Elbow 56">
            <a:extLst>
              <a:ext uri="{FF2B5EF4-FFF2-40B4-BE49-F238E27FC236}">
                <a16:creationId xmlns:a16="http://schemas.microsoft.com/office/drawing/2014/main" id="{B1016F65-AFAA-4052-B860-8CCCDFF46B2B}"/>
              </a:ext>
            </a:extLst>
          </p:cNvPr>
          <p:cNvCxnSpPr>
            <a:stCxn id="3" idx="2"/>
            <a:endCxn id="5" idx="0"/>
          </p:cNvCxnSpPr>
          <p:nvPr/>
        </p:nvCxnSpPr>
        <p:spPr>
          <a:xfrm rot="16200000" flipH="1">
            <a:off x="5854098" y="2004271"/>
            <a:ext cx="159953" cy="2143125"/>
          </a:xfrm>
          <a:prstGeom prst="bentConnector3">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80978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1F2584-EFF8-408F-85B7-790430963DF4}"/>
              </a:ext>
            </a:extLst>
          </p:cNvPr>
          <p:cNvSpPr>
            <a:spLocks noGrp="1"/>
          </p:cNvSpPr>
          <p:nvPr>
            <p:ph type="title"/>
          </p:nvPr>
        </p:nvSpPr>
        <p:spPr/>
        <p:txBody>
          <a:bodyPr/>
          <a:lstStyle/>
          <a:p>
            <a:r>
              <a:rPr lang="en-SG" dirty="0"/>
              <a:t>Trial Challenges</a:t>
            </a:r>
          </a:p>
        </p:txBody>
      </p:sp>
      <p:sp>
        <p:nvSpPr>
          <p:cNvPr id="3" name="Content Placeholder 2">
            <a:extLst>
              <a:ext uri="{FF2B5EF4-FFF2-40B4-BE49-F238E27FC236}">
                <a16:creationId xmlns:a16="http://schemas.microsoft.com/office/drawing/2014/main" id="{2784AA2E-1F54-40E8-B577-E20DF6337E4F}"/>
              </a:ext>
            </a:extLst>
          </p:cNvPr>
          <p:cNvSpPr>
            <a:spLocks noGrp="1"/>
          </p:cNvSpPr>
          <p:nvPr>
            <p:ph idx="1"/>
          </p:nvPr>
        </p:nvSpPr>
        <p:spPr/>
        <p:txBody>
          <a:bodyPr/>
          <a:lstStyle/>
          <a:p>
            <a:pPr marL="514350" indent="-514350">
              <a:buAutoNum type="arabicPeriod"/>
            </a:pPr>
            <a:r>
              <a:rPr lang="en-SG" dirty="0"/>
              <a:t>Delayed Approval</a:t>
            </a:r>
          </a:p>
          <a:p>
            <a:pPr marL="514350" indent="-514350">
              <a:buAutoNum type="arabicPeriod"/>
            </a:pPr>
            <a:r>
              <a:rPr lang="en-SG" dirty="0"/>
              <a:t>COVID-19</a:t>
            </a:r>
          </a:p>
          <a:p>
            <a:pPr>
              <a:buFontTx/>
              <a:buChar char="-"/>
            </a:pPr>
            <a:r>
              <a:rPr lang="en-SG" dirty="0"/>
              <a:t>Patients afraid of coming to hospital</a:t>
            </a:r>
          </a:p>
          <a:p>
            <a:pPr>
              <a:buFontTx/>
              <a:buChar char="-"/>
            </a:pPr>
            <a:r>
              <a:rPr lang="en-SG" dirty="0"/>
              <a:t>Trial </a:t>
            </a:r>
            <a:r>
              <a:rPr lang="en-SG"/>
              <a:t>team came down with COVID-19 sequentially</a:t>
            </a:r>
            <a:endParaRPr lang="en-SG" dirty="0"/>
          </a:p>
          <a:p>
            <a:pPr>
              <a:buFontTx/>
              <a:buChar char="-"/>
            </a:pPr>
            <a:r>
              <a:rPr lang="en-SG" dirty="0"/>
              <a:t>Lab shutting because of COVID-19</a:t>
            </a:r>
          </a:p>
          <a:p>
            <a:pPr>
              <a:buFontTx/>
              <a:buChar char="-"/>
            </a:pPr>
            <a:r>
              <a:rPr lang="en-SG" dirty="0"/>
              <a:t>Consumable delivery dependent on flight availability and costs skyrocketed</a:t>
            </a:r>
          </a:p>
          <a:p>
            <a:pPr>
              <a:buFontTx/>
              <a:buChar char="-"/>
            </a:pPr>
            <a:endParaRPr lang="en-SG" dirty="0"/>
          </a:p>
        </p:txBody>
      </p:sp>
      <p:pic>
        <p:nvPicPr>
          <p:cNvPr id="4" name="Picture 3">
            <a:extLst>
              <a:ext uri="{FF2B5EF4-FFF2-40B4-BE49-F238E27FC236}">
                <a16:creationId xmlns:a16="http://schemas.microsoft.com/office/drawing/2014/main" id="{58A65D60-9404-43C0-B91B-F3188527FE38}"/>
              </a:ext>
            </a:extLst>
          </p:cNvPr>
          <p:cNvPicPr>
            <a:picLocks noChangeAspect="1"/>
          </p:cNvPicPr>
          <p:nvPr/>
        </p:nvPicPr>
        <p:blipFill>
          <a:blip r:embed="rId2"/>
          <a:stretch>
            <a:fillRect/>
          </a:stretch>
        </p:blipFill>
        <p:spPr>
          <a:xfrm>
            <a:off x="5891960" y="53582"/>
            <a:ext cx="3252040" cy="627456"/>
          </a:xfrm>
          <a:prstGeom prst="rect">
            <a:avLst/>
          </a:prstGeom>
        </p:spPr>
      </p:pic>
    </p:spTree>
    <p:extLst>
      <p:ext uri="{BB962C8B-B14F-4D97-AF65-F5344CB8AC3E}">
        <p14:creationId xmlns:p14="http://schemas.microsoft.com/office/powerpoint/2010/main" val="40862532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CDD0963-9F5D-4947-A059-AC5E4FD64B57}"/>
              </a:ext>
            </a:extLst>
          </p:cNvPr>
          <p:cNvSpPr>
            <a:spLocks noGrp="1"/>
          </p:cNvSpPr>
          <p:nvPr>
            <p:ph type="title"/>
          </p:nvPr>
        </p:nvSpPr>
        <p:spPr/>
        <p:txBody>
          <a:bodyPr/>
          <a:lstStyle/>
          <a:p>
            <a:r>
              <a:rPr lang="en-SG" dirty="0"/>
              <a:t>Trial Successes</a:t>
            </a:r>
          </a:p>
        </p:txBody>
      </p:sp>
      <p:sp>
        <p:nvSpPr>
          <p:cNvPr id="9" name="Content Placeholder 8">
            <a:extLst>
              <a:ext uri="{FF2B5EF4-FFF2-40B4-BE49-F238E27FC236}">
                <a16:creationId xmlns:a16="http://schemas.microsoft.com/office/drawing/2014/main" id="{D9580869-FBC2-49DE-86E2-DDC8676FCB38}"/>
              </a:ext>
            </a:extLst>
          </p:cNvPr>
          <p:cNvSpPr>
            <a:spLocks noGrp="1"/>
          </p:cNvSpPr>
          <p:nvPr>
            <p:ph sz="half" idx="1"/>
          </p:nvPr>
        </p:nvSpPr>
        <p:spPr>
          <a:xfrm>
            <a:off x="628649" y="1825625"/>
            <a:ext cx="7641055" cy="4351338"/>
          </a:xfrm>
        </p:spPr>
        <p:txBody>
          <a:bodyPr/>
          <a:lstStyle/>
          <a:p>
            <a:r>
              <a:rPr lang="en-SG" dirty="0"/>
              <a:t>Completed Recruitment </a:t>
            </a:r>
          </a:p>
          <a:p>
            <a:r>
              <a:rPr lang="en-SG" dirty="0"/>
              <a:t>Robust Sample collection</a:t>
            </a:r>
          </a:p>
          <a:p>
            <a:r>
              <a:rPr lang="en-SG" dirty="0"/>
              <a:t>Clinical Outcome Data completeness is good</a:t>
            </a:r>
          </a:p>
          <a:p>
            <a:r>
              <a:rPr lang="en-SG" dirty="0"/>
              <a:t>Trial Run 100% Via Zoom</a:t>
            </a:r>
          </a:p>
          <a:p>
            <a:r>
              <a:rPr lang="en-SG" dirty="0"/>
              <a:t>Able to delivery effective TB management in the setting of a world wide pandemic. </a:t>
            </a:r>
          </a:p>
          <a:p>
            <a:endParaRPr lang="en-SG" dirty="0"/>
          </a:p>
        </p:txBody>
      </p:sp>
      <p:pic>
        <p:nvPicPr>
          <p:cNvPr id="4" name="Picture 3">
            <a:extLst>
              <a:ext uri="{FF2B5EF4-FFF2-40B4-BE49-F238E27FC236}">
                <a16:creationId xmlns:a16="http://schemas.microsoft.com/office/drawing/2014/main" id="{A8FD27B4-A66D-4D73-846D-54E35A09065D}"/>
              </a:ext>
            </a:extLst>
          </p:cNvPr>
          <p:cNvPicPr>
            <a:picLocks noChangeAspect="1"/>
          </p:cNvPicPr>
          <p:nvPr/>
        </p:nvPicPr>
        <p:blipFill>
          <a:blip r:embed="rId3"/>
          <a:stretch>
            <a:fillRect/>
          </a:stretch>
        </p:blipFill>
        <p:spPr>
          <a:xfrm>
            <a:off x="5891960" y="53582"/>
            <a:ext cx="3252040" cy="627456"/>
          </a:xfrm>
          <a:prstGeom prst="rect">
            <a:avLst/>
          </a:prstGeom>
        </p:spPr>
      </p:pic>
    </p:spTree>
    <p:extLst>
      <p:ext uri="{BB962C8B-B14F-4D97-AF65-F5344CB8AC3E}">
        <p14:creationId xmlns:p14="http://schemas.microsoft.com/office/powerpoint/2010/main" val="7384811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Find A Doctor - NUH | National University Hospital">
            <a:extLst>
              <a:ext uri="{FF2B5EF4-FFF2-40B4-BE49-F238E27FC236}">
                <a16:creationId xmlns:a16="http://schemas.microsoft.com/office/drawing/2014/main" id="{B3C517C0-C51D-460B-AF87-CF5D5706C34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653108" y="3027193"/>
            <a:ext cx="739013" cy="922847"/>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Meet The Speakers">
            <a:extLst>
              <a:ext uri="{FF2B5EF4-FFF2-40B4-BE49-F238E27FC236}">
                <a16:creationId xmlns:a16="http://schemas.microsoft.com/office/drawing/2014/main" id="{E4817D96-AD2E-4935-94E1-B533CB9DC47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838846" y="3027193"/>
            <a:ext cx="738278" cy="92284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9EB64776-20F8-4F73-962F-F610D872554B}"/>
              </a:ext>
            </a:extLst>
          </p:cNvPr>
          <p:cNvPicPr>
            <a:picLocks noChangeAspect="1"/>
          </p:cNvPicPr>
          <p:nvPr/>
        </p:nvPicPr>
        <p:blipFill rotWithShape="1">
          <a:blip r:embed="rId5"/>
          <a:srcRect l="10895" t="7703" r="13674" b="18025"/>
          <a:stretch/>
        </p:blipFill>
        <p:spPr>
          <a:xfrm>
            <a:off x="3838846" y="3998368"/>
            <a:ext cx="770196" cy="886691"/>
          </a:xfrm>
          <a:prstGeom prst="rect">
            <a:avLst/>
          </a:prstGeom>
        </p:spPr>
      </p:pic>
      <p:pic>
        <p:nvPicPr>
          <p:cNvPr id="10" name="Picture 9">
            <a:extLst>
              <a:ext uri="{FF2B5EF4-FFF2-40B4-BE49-F238E27FC236}">
                <a16:creationId xmlns:a16="http://schemas.microsoft.com/office/drawing/2014/main" id="{B1839844-B4C9-4927-B16F-765B0F3AD7F7}"/>
              </a:ext>
            </a:extLst>
          </p:cNvPr>
          <p:cNvPicPr>
            <a:picLocks noChangeAspect="1"/>
          </p:cNvPicPr>
          <p:nvPr/>
        </p:nvPicPr>
        <p:blipFill>
          <a:blip r:embed="rId6"/>
          <a:stretch>
            <a:fillRect/>
          </a:stretch>
        </p:blipFill>
        <p:spPr>
          <a:xfrm>
            <a:off x="2583544" y="52719"/>
            <a:ext cx="3976912" cy="803759"/>
          </a:xfrm>
          <a:prstGeom prst="rect">
            <a:avLst/>
          </a:prstGeom>
        </p:spPr>
      </p:pic>
      <p:pic>
        <p:nvPicPr>
          <p:cNvPr id="8" name="Picture 2">
            <a:extLst>
              <a:ext uri="{FF2B5EF4-FFF2-40B4-BE49-F238E27FC236}">
                <a16:creationId xmlns:a16="http://schemas.microsoft.com/office/drawing/2014/main" id="{FA530124-3EB5-4BB5-9BC2-F45DA1BE775F}"/>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663565" y="4412463"/>
            <a:ext cx="708722" cy="89298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a:extLst>
              <a:ext uri="{FF2B5EF4-FFF2-40B4-BE49-F238E27FC236}">
                <a16:creationId xmlns:a16="http://schemas.microsoft.com/office/drawing/2014/main" id="{D0B0C664-85A3-486C-93D2-092F2D42D36C}"/>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l="78277" t="27744" r="7774" b="58384"/>
          <a:stretch/>
        </p:blipFill>
        <p:spPr bwMode="auto">
          <a:xfrm>
            <a:off x="6986735" y="4411765"/>
            <a:ext cx="621979" cy="893687"/>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descr="A person smiling for the camera&#10;&#10;Description automatically generated">
            <a:extLst>
              <a:ext uri="{FF2B5EF4-FFF2-40B4-BE49-F238E27FC236}">
                <a16:creationId xmlns:a16="http://schemas.microsoft.com/office/drawing/2014/main" id="{CD89BB4A-F265-40E9-BBA4-8858D787B940}"/>
              </a:ext>
            </a:extLst>
          </p:cNvPr>
          <p:cNvPicPr>
            <a:picLocks noChangeAspect="1"/>
          </p:cNvPicPr>
          <p:nvPr/>
        </p:nvPicPr>
        <p:blipFill rotWithShape="1">
          <a:blip r:embed="rId9">
            <a:extLst>
              <a:ext uri="{28A0092B-C50C-407E-A947-70E740481C1C}">
                <a14:useLocalDpi xmlns:a14="http://schemas.microsoft.com/office/drawing/2010/main" val="0"/>
              </a:ext>
            </a:extLst>
          </a:blip>
          <a:srcRect t="23703" r="6061" b="20154"/>
          <a:stretch/>
        </p:blipFill>
        <p:spPr>
          <a:xfrm>
            <a:off x="1637777" y="3971479"/>
            <a:ext cx="738278" cy="928802"/>
          </a:xfrm>
          <a:prstGeom prst="rect">
            <a:avLst/>
          </a:prstGeom>
        </p:spPr>
      </p:pic>
      <p:pic>
        <p:nvPicPr>
          <p:cNvPr id="13" name="Picture 12">
            <a:extLst>
              <a:ext uri="{FF2B5EF4-FFF2-40B4-BE49-F238E27FC236}">
                <a16:creationId xmlns:a16="http://schemas.microsoft.com/office/drawing/2014/main" id="{B1A960D6-BB03-4FEB-B3E7-B9D9867B5C9A}"/>
              </a:ext>
            </a:extLst>
          </p:cNvPr>
          <p:cNvPicPr>
            <a:picLocks noChangeAspect="1"/>
          </p:cNvPicPr>
          <p:nvPr/>
        </p:nvPicPr>
        <p:blipFill>
          <a:blip r:embed="rId10"/>
          <a:stretch>
            <a:fillRect/>
          </a:stretch>
        </p:blipFill>
        <p:spPr>
          <a:xfrm>
            <a:off x="4223944" y="1007236"/>
            <a:ext cx="514625" cy="613592"/>
          </a:xfrm>
          <a:prstGeom prst="rect">
            <a:avLst/>
          </a:prstGeom>
        </p:spPr>
      </p:pic>
      <p:pic>
        <p:nvPicPr>
          <p:cNvPr id="1029" name="62b7744c-84a0-4e80-8001-cd5baefad69d" descr="Image">
            <a:extLst>
              <a:ext uri="{FF2B5EF4-FFF2-40B4-BE49-F238E27FC236}">
                <a16:creationId xmlns:a16="http://schemas.microsoft.com/office/drawing/2014/main" id="{B777050A-3F9B-4E99-863F-00DF3697CCBA}"/>
              </a:ext>
            </a:extLst>
          </p:cNvPr>
          <p:cNvPicPr>
            <a:picLocks noChangeAspect="1" noChangeArrowheads="1"/>
          </p:cNvPicPr>
          <p:nvPr/>
        </p:nvPicPr>
        <p:blipFill rotWithShape="1">
          <a:blip r:embed="rId11">
            <a:extLst>
              <a:ext uri="{28A0092B-C50C-407E-A947-70E740481C1C}">
                <a14:useLocalDpi xmlns:a14="http://schemas.microsoft.com/office/drawing/2010/main" val="0"/>
              </a:ext>
            </a:extLst>
          </a:blip>
          <a:srcRect t="28755" b="25329"/>
          <a:stretch/>
        </p:blipFill>
        <p:spPr bwMode="auto">
          <a:xfrm>
            <a:off x="2897010" y="1599777"/>
            <a:ext cx="3064409" cy="1055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 name="Picture 14">
            <a:extLst>
              <a:ext uri="{FF2B5EF4-FFF2-40B4-BE49-F238E27FC236}">
                <a16:creationId xmlns:a16="http://schemas.microsoft.com/office/drawing/2014/main" id="{8F297E87-7A7D-4468-A788-E84C91034B96}"/>
              </a:ext>
            </a:extLst>
          </p:cNvPr>
          <p:cNvPicPr>
            <a:picLocks noChangeAspect="1"/>
          </p:cNvPicPr>
          <p:nvPr/>
        </p:nvPicPr>
        <p:blipFill>
          <a:blip r:embed="rId12"/>
          <a:stretch>
            <a:fillRect/>
          </a:stretch>
        </p:blipFill>
        <p:spPr>
          <a:xfrm>
            <a:off x="6881683" y="1029127"/>
            <a:ext cx="1400175" cy="371475"/>
          </a:xfrm>
          <a:prstGeom prst="rect">
            <a:avLst/>
          </a:prstGeom>
        </p:spPr>
      </p:pic>
      <p:pic>
        <p:nvPicPr>
          <p:cNvPr id="18" name="Picture 17">
            <a:extLst>
              <a:ext uri="{FF2B5EF4-FFF2-40B4-BE49-F238E27FC236}">
                <a16:creationId xmlns:a16="http://schemas.microsoft.com/office/drawing/2014/main" id="{0E59ACB2-E2D1-46F6-8F9D-BB599ECC1932}"/>
              </a:ext>
            </a:extLst>
          </p:cNvPr>
          <p:cNvPicPr>
            <a:picLocks noChangeAspect="1"/>
          </p:cNvPicPr>
          <p:nvPr/>
        </p:nvPicPr>
        <p:blipFill>
          <a:blip r:embed="rId13"/>
          <a:stretch>
            <a:fillRect/>
          </a:stretch>
        </p:blipFill>
        <p:spPr>
          <a:xfrm>
            <a:off x="383222" y="1073094"/>
            <a:ext cx="904397" cy="1169817"/>
          </a:xfrm>
          <a:prstGeom prst="rect">
            <a:avLst/>
          </a:prstGeom>
        </p:spPr>
      </p:pic>
      <p:pic>
        <p:nvPicPr>
          <p:cNvPr id="22" name="Picture 21" descr="A person wearing a suit and tie&#10;&#10;Description automatically generated">
            <a:extLst>
              <a:ext uri="{FF2B5EF4-FFF2-40B4-BE49-F238E27FC236}">
                <a16:creationId xmlns:a16="http://schemas.microsoft.com/office/drawing/2014/main" id="{C19124FB-445D-4ACF-97A9-E375CC441E6B}"/>
              </a:ext>
            </a:extLst>
          </p:cNvPr>
          <p:cNvPicPr>
            <a:picLocks noChangeAspect="1"/>
          </p:cNvPicPr>
          <p:nvPr/>
        </p:nvPicPr>
        <p:blipFill rotWithShape="1">
          <a:blip r:embed="rId14">
            <a:extLst>
              <a:ext uri="{28A0092B-C50C-407E-A947-70E740481C1C}">
                <a14:useLocalDpi xmlns:a14="http://schemas.microsoft.com/office/drawing/2010/main" val="0"/>
              </a:ext>
            </a:extLst>
          </a:blip>
          <a:srcRect l="20290" t="5118" r="24747" b="41279"/>
          <a:stretch/>
        </p:blipFill>
        <p:spPr>
          <a:xfrm>
            <a:off x="4654212" y="3993071"/>
            <a:ext cx="754886" cy="902235"/>
          </a:xfrm>
          <a:prstGeom prst="rect">
            <a:avLst/>
          </a:prstGeom>
        </p:spPr>
      </p:pic>
      <p:pic>
        <p:nvPicPr>
          <p:cNvPr id="1031" name="Picture 7" descr="National University Health System - NUHS - Home | Facebook">
            <a:extLst>
              <a:ext uri="{FF2B5EF4-FFF2-40B4-BE49-F238E27FC236}">
                <a16:creationId xmlns:a16="http://schemas.microsoft.com/office/drawing/2014/main" id="{9B2439BA-C978-4562-8590-A1B0A5E515F1}"/>
              </a:ext>
            </a:extLst>
          </p:cNvPr>
          <p:cNvPicPr>
            <a:picLocks noChangeAspect="1" noChangeArrowheads="1"/>
          </p:cNvPicPr>
          <p:nvPr/>
        </p:nvPicPr>
        <p:blipFill rotWithShape="1">
          <a:blip r:embed="rId15">
            <a:extLst>
              <a:ext uri="{28A0092B-C50C-407E-A947-70E740481C1C}">
                <a14:useLocalDpi xmlns:a14="http://schemas.microsoft.com/office/drawing/2010/main" val="0"/>
              </a:ext>
            </a:extLst>
          </a:blip>
          <a:srcRect l="-450" t="22785" r="450" b="22050"/>
          <a:stretch/>
        </p:blipFill>
        <p:spPr bwMode="auto">
          <a:xfrm>
            <a:off x="3786901" y="4900282"/>
            <a:ext cx="1607344" cy="886691"/>
          </a:xfrm>
          <a:prstGeom prst="rect">
            <a:avLst/>
          </a:prstGeom>
          <a:noFill/>
          <a:extLst>
            <a:ext uri="{909E8E84-426E-40DD-AFC4-6F175D3DCCD1}">
              <a14:hiddenFill xmlns:a14="http://schemas.microsoft.com/office/drawing/2010/main">
                <a:solidFill>
                  <a:srgbClr val="FFFFFF"/>
                </a:solidFill>
              </a14:hiddenFill>
            </a:ext>
          </a:extLst>
        </p:spPr>
      </p:pic>
      <p:pic>
        <p:nvPicPr>
          <p:cNvPr id="1033" name="Picture 9" descr="NUS CIRC - NUS CIRC">
            <a:extLst>
              <a:ext uri="{FF2B5EF4-FFF2-40B4-BE49-F238E27FC236}">
                <a16:creationId xmlns:a16="http://schemas.microsoft.com/office/drawing/2014/main" id="{C3B81E34-721E-419F-A155-01F8FD4E7E3D}"/>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6992093" y="5382858"/>
            <a:ext cx="1380194" cy="274781"/>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5">
            <a:extLst>
              <a:ext uri="{FF2B5EF4-FFF2-40B4-BE49-F238E27FC236}">
                <a16:creationId xmlns:a16="http://schemas.microsoft.com/office/drawing/2014/main" id="{4CDB84E3-A742-46C1-9936-20868E16BDDB}"/>
              </a:ext>
            </a:extLst>
          </p:cNvPr>
          <p:cNvPicPr>
            <a:picLocks noChangeAspect="1"/>
          </p:cNvPicPr>
          <p:nvPr/>
        </p:nvPicPr>
        <p:blipFill>
          <a:blip r:embed="rId17"/>
          <a:stretch>
            <a:fillRect/>
          </a:stretch>
        </p:blipFill>
        <p:spPr>
          <a:xfrm>
            <a:off x="240763" y="4974416"/>
            <a:ext cx="2662374" cy="809666"/>
          </a:xfrm>
          <a:prstGeom prst="rect">
            <a:avLst/>
          </a:prstGeom>
        </p:spPr>
      </p:pic>
      <p:pic>
        <p:nvPicPr>
          <p:cNvPr id="1035" name="Picture 11" descr="Xuanhui Ng">
            <a:extLst>
              <a:ext uri="{FF2B5EF4-FFF2-40B4-BE49-F238E27FC236}">
                <a16:creationId xmlns:a16="http://schemas.microsoft.com/office/drawing/2014/main" id="{61769F66-0963-44FE-B762-C218F37AB293}"/>
              </a:ext>
            </a:extLst>
          </p:cNvPr>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648596" y="3971480"/>
            <a:ext cx="886691" cy="886691"/>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27" descr="A group of people in a room&#10;&#10;Description automatically generated">
            <a:extLst>
              <a:ext uri="{FF2B5EF4-FFF2-40B4-BE49-F238E27FC236}">
                <a16:creationId xmlns:a16="http://schemas.microsoft.com/office/drawing/2014/main" id="{097BD9C6-71EB-43DC-B808-3DE9ACC4A9F2}"/>
              </a:ext>
            </a:extLst>
          </p:cNvPr>
          <p:cNvPicPr>
            <a:picLocks noChangeAspect="1"/>
          </p:cNvPicPr>
          <p:nvPr/>
        </p:nvPicPr>
        <p:blipFill rotWithShape="1">
          <a:blip r:embed="rId19">
            <a:extLst>
              <a:ext uri="{28A0092B-C50C-407E-A947-70E740481C1C}">
                <a14:useLocalDpi xmlns:a14="http://schemas.microsoft.com/office/drawing/2010/main" val="0"/>
              </a:ext>
            </a:extLst>
          </a:blip>
          <a:srcRect t="12807" b="13987"/>
          <a:stretch/>
        </p:blipFill>
        <p:spPr>
          <a:xfrm>
            <a:off x="6191865" y="1461303"/>
            <a:ext cx="2833696" cy="985624"/>
          </a:xfrm>
          <a:prstGeom prst="rect">
            <a:avLst/>
          </a:prstGeom>
        </p:spPr>
      </p:pic>
      <p:pic>
        <p:nvPicPr>
          <p:cNvPr id="31" name="Picture 30">
            <a:extLst>
              <a:ext uri="{FF2B5EF4-FFF2-40B4-BE49-F238E27FC236}">
                <a16:creationId xmlns:a16="http://schemas.microsoft.com/office/drawing/2014/main" id="{5E7E3C68-3C21-456C-B5E5-11CC7B242AD2}"/>
              </a:ext>
            </a:extLst>
          </p:cNvPr>
          <p:cNvPicPr>
            <a:picLocks noChangeAspect="1"/>
          </p:cNvPicPr>
          <p:nvPr/>
        </p:nvPicPr>
        <p:blipFill>
          <a:blip r:embed="rId20"/>
          <a:stretch>
            <a:fillRect/>
          </a:stretch>
        </p:blipFill>
        <p:spPr>
          <a:xfrm>
            <a:off x="1342274" y="2540803"/>
            <a:ext cx="1133617" cy="1098435"/>
          </a:xfrm>
          <a:prstGeom prst="rect">
            <a:avLst/>
          </a:prstGeom>
        </p:spPr>
      </p:pic>
      <p:sp>
        <p:nvSpPr>
          <p:cNvPr id="4" name="Rectangle 3">
            <a:extLst>
              <a:ext uri="{FF2B5EF4-FFF2-40B4-BE49-F238E27FC236}">
                <a16:creationId xmlns:a16="http://schemas.microsoft.com/office/drawing/2014/main" id="{59301F0F-1193-4E13-B3B4-A904DC84C07D}"/>
              </a:ext>
            </a:extLst>
          </p:cNvPr>
          <p:cNvSpPr/>
          <p:nvPr/>
        </p:nvSpPr>
        <p:spPr>
          <a:xfrm>
            <a:off x="3644310" y="2954522"/>
            <a:ext cx="1961707" cy="2890260"/>
          </a:xfrm>
          <a:prstGeom prst="rect">
            <a:avLst/>
          </a:prstGeom>
          <a:noFill/>
          <a:ln w="285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5" name="Rectangle 4">
            <a:extLst>
              <a:ext uri="{FF2B5EF4-FFF2-40B4-BE49-F238E27FC236}">
                <a16:creationId xmlns:a16="http://schemas.microsoft.com/office/drawing/2014/main" id="{9CA55C38-89B5-40C7-B060-21B73595BAC7}"/>
              </a:ext>
            </a:extLst>
          </p:cNvPr>
          <p:cNvSpPr/>
          <p:nvPr/>
        </p:nvSpPr>
        <p:spPr>
          <a:xfrm>
            <a:off x="6909230" y="4365381"/>
            <a:ext cx="1508670" cy="1418701"/>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pic>
        <p:nvPicPr>
          <p:cNvPr id="17" name="Picture 16">
            <a:extLst>
              <a:ext uri="{FF2B5EF4-FFF2-40B4-BE49-F238E27FC236}">
                <a16:creationId xmlns:a16="http://schemas.microsoft.com/office/drawing/2014/main" id="{F07D3F09-F200-40C2-A604-5101E3CF7F7D}"/>
              </a:ext>
            </a:extLst>
          </p:cNvPr>
          <p:cNvPicPr>
            <a:picLocks noChangeAspect="1"/>
          </p:cNvPicPr>
          <p:nvPr/>
        </p:nvPicPr>
        <p:blipFill>
          <a:blip r:embed="rId21"/>
          <a:stretch>
            <a:fillRect/>
          </a:stretch>
        </p:blipFill>
        <p:spPr>
          <a:xfrm>
            <a:off x="6682713" y="3757769"/>
            <a:ext cx="1961707" cy="377252"/>
          </a:xfrm>
          <a:prstGeom prst="rect">
            <a:avLst/>
          </a:prstGeom>
        </p:spPr>
      </p:pic>
      <p:pic>
        <p:nvPicPr>
          <p:cNvPr id="25" name="Picture 24" descr="A group of people posing for a photo&#10;&#10;Description automatically generated">
            <a:extLst>
              <a:ext uri="{FF2B5EF4-FFF2-40B4-BE49-F238E27FC236}">
                <a16:creationId xmlns:a16="http://schemas.microsoft.com/office/drawing/2014/main" id="{F160D7EF-061A-4258-A632-C25F877BBDAE}"/>
              </a:ext>
            </a:extLst>
          </p:cNvPr>
          <p:cNvPicPr>
            <a:picLocks noChangeAspect="1"/>
          </p:cNvPicPr>
          <p:nvPr/>
        </p:nvPicPr>
        <p:blipFill>
          <a:blip r:embed="rId22">
            <a:extLst>
              <a:ext uri="{28A0092B-C50C-407E-A947-70E740481C1C}">
                <a14:useLocalDpi xmlns:a14="http://schemas.microsoft.com/office/drawing/2010/main" val="0"/>
              </a:ext>
            </a:extLst>
          </a:blip>
          <a:stretch>
            <a:fillRect/>
          </a:stretch>
        </p:blipFill>
        <p:spPr>
          <a:xfrm>
            <a:off x="6682712" y="2655077"/>
            <a:ext cx="1961706" cy="1103460"/>
          </a:xfrm>
          <a:prstGeom prst="rect">
            <a:avLst/>
          </a:prstGeom>
        </p:spPr>
      </p:pic>
      <p:sp>
        <p:nvSpPr>
          <p:cNvPr id="6" name="Rectangle 5">
            <a:extLst>
              <a:ext uri="{FF2B5EF4-FFF2-40B4-BE49-F238E27FC236}">
                <a16:creationId xmlns:a16="http://schemas.microsoft.com/office/drawing/2014/main" id="{9D9AD8BE-A355-4F87-9071-B6460E13DB25}"/>
              </a:ext>
            </a:extLst>
          </p:cNvPr>
          <p:cNvSpPr/>
          <p:nvPr/>
        </p:nvSpPr>
        <p:spPr>
          <a:xfrm>
            <a:off x="6602524" y="2572906"/>
            <a:ext cx="2096966" cy="1628769"/>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1" name="Rectangle 10">
            <a:extLst>
              <a:ext uri="{FF2B5EF4-FFF2-40B4-BE49-F238E27FC236}">
                <a16:creationId xmlns:a16="http://schemas.microsoft.com/office/drawing/2014/main" id="{174CA90D-9E25-4947-A8D6-EE8C4ED2FC62}"/>
              </a:ext>
            </a:extLst>
          </p:cNvPr>
          <p:cNvSpPr/>
          <p:nvPr/>
        </p:nvSpPr>
        <p:spPr>
          <a:xfrm>
            <a:off x="6082234" y="961901"/>
            <a:ext cx="2998177" cy="1578902"/>
          </a:xfrm>
          <a:prstGeom prst="rect">
            <a:avLst/>
          </a:prstGeom>
          <a:no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4" name="Rectangle 13">
            <a:extLst>
              <a:ext uri="{FF2B5EF4-FFF2-40B4-BE49-F238E27FC236}">
                <a16:creationId xmlns:a16="http://schemas.microsoft.com/office/drawing/2014/main" id="{8A2454EC-510A-4ED3-938B-FB0E508DA6D4}"/>
              </a:ext>
            </a:extLst>
          </p:cNvPr>
          <p:cNvSpPr/>
          <p:nvPr/>
        </p:nvSpPr>
        <p:spPr>
          <a:xfrm>
            <a:off x="2828925" y="961901"/>
            <a:ext cx="3198237" cy="176151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6" name="Rectangle 15">
            <a:extLst>
              <a:ext uri="{FF2B5EF4-FFF2-40B4-BE49-F238E27FC236}">
                <a16:creationId xmlns:a16="http://schemas.microsoft.com/office/drawing/2014/main" id="{1A9CD803-6BB0-4271-B086-EADFB3263A57}"/>
              </a:ext>
            </a:extLst>
          </p:cNvPr>
          <p:cNvSpPr/>
          <p:nvPr/>
        </p:nvSpPr>
        <p:spPr>
          <a:xfrm>
            <a:off x="335772" y="1007236"/>
            <a:ext cx="1038610" cy="1294339"/>
          </a:xfrm>
          <a:prstGeom prst="rect">
            <a:avLst/>
          </a:prstGeom>
          <a:noFill/>
          <a:ln>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19" name="Rectangle 18">
            <a:extLst>
              <a:ext uri="{FF2B5EF4-FFF2-40B4-BE49-F238E27FC236}">
                <a16:creationId xmlns:a16="http://schemas.microsoft.com/office/drawing/2014/main" id="{44587AC9-395D-43FD-887C-EFD262773233}"/>
              </a:ext>
            </a:extLst>
          </p:cNvPr>
          <p:cNvSpPr/>
          <p:nvPr/>
        </p:nvSpPr>
        <p:spPr>
          <a:xfrm>
            <a:off x="1343075" y="2539711"/>
            <a:ext cx="1133617" cy="109843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sp>
        <p:nvSpPr>
          <p:cNvPr id="20" name="Rectangle 19">
            <a:extLst>
              <a:ext uri="{FF2B5EF4-FFF2-40B4-BE49-F238E27FC236}">
                <a16:creationId xmlns:a16="http://schemas.microsoft.com/office/drawing/2014/main" id="{0BD28754-1B0E-4024-9E66-4ED22BB25D91}"/>
              </a:ext>
            </a:extLst>
          </p:cNvPr>
          <p:cNvSpPr/>
          <p:nvPr/>
        </p:nvSpPr>
        <p:spPr>
          <a:xfrm>
            <a:off x="92319" y="3939801"/>
            <a:ext cx="2993781" cy="1949704"/>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sz="1350"/>
          </a:p>
        </p:txBody>
      </p:sp>
      <p:pic>
        <p:nvPicPr>
          <p:cNvPr id="3" name="Picture 2">
            <a:extLst>
              <a:ext uri="{FF2B5EF4-FFF2-40B4-BE49-F238E27FC236}">
                <a16:creationId xmlns:a16="http://schemas.microsoft.com/office/drawing/2014/main" id="{514DDB7E-365F-4618-BBF8-18BD6269F951}"/>
              </a:ext>
            </a:extLst>
          </p:cNvPr>
          <p:cNvPicPr>
            <a:picLocks noChangeAspect="1"/>
          </p:cNvPicPr>
          <p:nvPr/>
        </p:nvPicPr>
        <p:blipFill>
          <a:blip r:embed="rId23"/>
          <a:stretch>
            <a:fillRect/>
          </a:stretch>
        </p:blipFill>
        <p:spPr>
          <a:xfrm>
            <a:off x="1377467" y="1015260"/>
            <a:ext cx="1038610" cy="1278289"/>
          </a:xfrm>
          <a:prstGeom prst="rect">
            <a:avLst/>
          </a:prstGeom>
        </p:spPr>
      </p:pic>
      <p:pic>
        <p:nvPicPr>
          <p:cNvPr id="21" name="Picture 20">
            <a:extLst>
              <a:ext uri="{FF2B5EF4-FFF2-40B4-BE49-F238E27FC236}">
                <a16:creationId xmlns:a16="http://schemas.microsoft.com/office/drawing/2014/main" id="{8CBD69DA-CE82-4A5C-B89B-AC49CB07B075}"/>
              </a:ext>
            </a:extLst>
          </p:cNvPr>
          <p:cNvPicPr>
            <a:picLocks noChangeAspect="1"/>
          </p:cNvPicPr>
          <p:nvPr/>
        </p:nvPicPr>
        <p:blipFill>
          <a:blip r:embed="rId24"/>
          <a:stretch>
            <a:fillRect/>
          </a:stretch>
        </p:blipFill>
        <p:spPr>
          <a:xfrm>
            <a:off x="247572" y="2539711"/>
            <a:ext cx="1093159" cy="1111899"/>
          </a:xfrm>
          <a:prstGeom prst="rect">
            <a:avLst/>
          </a:prstGeom>
        </p:spPr>
      </p:pic>
      <p:sp>
        <p:nvSpPr>
          <p:cNvPr id="23" name="TextBox 22">
            <a:extLst>
              <a:ext uri="{FF2B5EF4-FFF2-40B4-BE49-F238E27FC236}">
                <a16:creationId xmlns:a16="http://schemas.microsoft.com/office/drawing/2014/main" id="{FDE8B588-23F2-4244-AE16-0070B0A503BB}"/>
              </a:ext>
            </a:extLst>
          </p:cNvPr>
          <p:cNvSpPr txBox="1"/>
          <p:nvPr/>
        </p:nvSpPr>
        <p:spPr>
          <a:xfrm>
            <a:off x="0" y="6211669"/>
            <a:ext cx="5716060" cy="646331"/>
          </a:xfrm>
          <a:prstGeom prst="rect">
            <a:avLst/>
          </a:prstGeom>
          <a:noFill/>
        </p:spPr>
        <p:txBody>
          <a:bodyPr wrap="square" rtlCol="0">
            <a:spAutoFit/>
          </a:bodyPr>
          <a:lstStyle/>
          <a:p>
            <a:r>
              <a:rPr lang="en-SG" i="1" dirty="0"/>
              <a:t>Thanks to Nick Paton, Chris Cousins and Christina Chang in  helping with preparation for the presentation </a:t>
            </a:r>
          </a:p>
        </p:txBody>
      </p:sp>
    </p:spTree>
    <p:extLst>
      <p:ext uri="{BB962C8B-B14F-4D97-AF65-F5344CB8AC3E}">
        <p14:creationId xmlns:p14="http://schemas.microsoft.com/office/powerpoint/2010/main" val="93744296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784444C-1551-450A-A2CB-EC8B005EF260}"/>
              </a:ext>
            </a:extLst>
          </p:cNvPr>
          <p:cNvSpPr>
            <a:spLocks noGrp="1"/>
          </p:cNvSpPr>
          <p:nvPr>
            <p:ph type="title"/>
          </p:nvPr>
        </p:nvSpPr>
        <p:spPr>
          <a:xfrm>
            <a:off x="1206297" y="877263"/>
            <a:ext cx="7377698" cy="621400"/>
          </a:xfrm>
        </p:spPr>
        <p:txBody>
          <a:bodyPr>
            <a:normAutofit fontScale="90000"/>
          </a:bodyPr>
          <a:lstStyle/>
          <a:p>
            <a:r>
              <a:rPr lang="en-SG" dirty="0"/>
              <a:t>Host Directed Therapy (HDT) for TB </a:t>
            </a:r>
          </a:p>
        </p:txBody>
      </p:sp>
      <p:pic>
        <p:nvPicPr>
          <p:cNvPr id="7" name="Picture 6">
            <a:extLst>
              <a:ext uri="{FF2B5EF4-FFF2-40B4-BE49-F238E27FC236}">
                <a16:creationId xmlns:a16="http://schemas.microsoft.com/office/drawing/2014/main" id="{00D1BA00-ADC6-4AFB-B56E-795B31E2CD3D}"/>
              </a:ext>
            </a:extLst>
          </p:cNvPr>
          <p:cNvPicPr>
            <a:picLocks noChangeAspect="1"/>
          </p:cNvPicPr>
          <p:nvPr/>
        </p:nvPicPr>
        <p:blipFill>
          <a:blip r:embed="rId3"/>
          <a:stretch>
            <a:fillRect/>
          </a:stretch>
        </p:blipFill>
        <p:spPr>
          <a:xfrm>
            <a:off x="1895475" y="1785583"/>
            <a:ext cx="5999342" cy="4405873"/>
          </a:xfrm>
          <a:prstGeom prst="rect">
            <a:avLst/>
          </a:prstGeom>
        </p:spPr>
      </p:pic>
      <p:sp>
        <p:nvSpPr>
          <p:cNvPr id="10" name="TextBox 9">
            <a:extLst>
              <a:ext uri="{FF2B5EF4-FFF2-40B4-BE49-F238E27FC236}">
                <a16:creationId xmlns:a16="http://schemas.microsoft.com/office/drawing/2014/main" id="{A0A255C4-C24B-4F83-BAA3-665AF7D0474D}"/>
              </a:ext>
            </a:extLst>
          </p:cNvPr>
          <p:cNvSpPr txBox="1"/>
          <p:nvPr/>
        </p:nvSpPr>
        <p:spPr>
          <a:xfrm>
            <a:off x="375652" y="6550223"/>
            <a:ext cx="8986062" cy="307777"/>
          </a:xfrm>
          <a:prstGeom prst="rect">
            <a:avLst/>
          </a:prstGeom>
          <a:noFill/>
        </p:spPr>
        <p:txBody>
          <a:bodyPr wrap="square" rtlCol="0">
            <a:spAutoFit/>
          </a:bodyPr>
          <a:lstStyle/>
          <a:p>
            <a:r>
              <a:rPr lang="en-SG" sz="1400" dirty="0"/>
              <a:t>Young C et al. </a:t>
            </a:r>
            <a:r>
              <a:rPr lang="en-SG" sz="1400" b="1" dirty="0"/>
              <a:t>Therapeutic host-directed strategies to improve outcomes In tuberculosis</a:t>
            </a:r>
            <a:r>
              <a:rPr lang="en-SG" sz="1400" dirty="0"/>
              <a:t>. Mucosal Immunology, 2020</a:t>
            </a:r>
          </a:p>
        </p:txBody>
      </p:sp>
      <p:pic>
        <p:nvPicPr>
          <p:cNvPr id="3" name="Picture 2">
            <a:extLst>
              <a:ext uri="{FF2B5EF4-FFF2-40B4-BE49-F238E27FC236}">
                <a16:creationId xmlns:a16="http://schemas.microsoft.com/office/drawing/2014/main" id="{B361B900-F812-4DBA-9B21-268753ECD0C8}"/>
              </a:ext>
            </a:extLst>
          </p:cNvPr>
          <p:cNvPicPr>
            <a:picLocks noChangeAspect="1"/>
          </p:cNvPicPr>
          <p:nvPr/>
        </p:nvPicPr>
        <p:blipFill>
          <a:blip r:embed="rId4"/>
          <a:stretch>
            <a:fillRect/>
          </a:stretch>
        </p:blipFill>
        <p:spPr>
          <a:xfrm>
            <a:off x="6379222" y="32510"/>
            <a:ext cx="2764778" cy="557833"/>
          </a:xfrm>
          <a:prstGeom prst="rect">
            <a:avLst/>
          </a:prstGeom>
        </p:spPr>
      </p:pic>
    </p:spTree>
    <p:extLst>
      <p:ext uri="{BB962C8B-B14F-4D97-AF65-F5344CB8AC3E}">
        <p14:creationId xmlns:p14="http://schemas.microsoft.com/office/powerpoint/2010/main" val="28483190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p:cNvSpPr txBox="1"/>
          <p:nvPr/>
        </p:nvSpPr>
        <p:spPr>
          <a:xfrm>
            <a:off x="6310171" y="6537775"/>
            <a:ext cx="2833829" cy="300082"/>
          </a:xfrm>
          <a:prstGeom prst="rect">
            <a:avLst/>
          </a:prstGeom>
          <a:noFill/>
        </p:spPr>
        <p:txBody>
          <a:bodyPr wrap="square" rtlCol="0">
            <a:spAutoFit/>
          </a:bodyPr>
          <a:lstStyle/>
          <a:p>
            <a:r>
              <a:rPr lang="en-US" sz="1350" dirty="0"/>
              <a:t>Kolloli, FIM 2017</a:t>
            </a:r>
          </a:p>
        </p:txBody>
      </p:sp>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993932"/>
            <a:ext cx="9144000" cy="5447323"/>
          </a:xfrm>
          <a:prstGeom prst="rect">
            <a:avLst/>
          </a:prstGeom>
        </p:spPr>
      </p:pic>
      <p:sp>
        <p:nvSpPr>
          <p:cNvPr id="11" name="Title 1">
            <a:extLst>
              <a:ext uri="{FF2B5EF4-FFF2-40B4-BE49-F238E27FC236}">
                <a16:creationId xmlns:a16="http://schemas.microsoft.com/office/drawing/2014/main" id="{B76E6C78-69C7-446E-B920-382C21EE0D14}"/>
              </a:ext>
            </a:extLst>
          </p:cNvPr>
          <p:cNvSpPr txBox="1">
            <a:spLocks/>
          </p:cNvSpPr>
          <p:nvPr/>
        </p:nvSpPr>
        <p:spPr>
          <a:xfrm>
            <a:off x="1277711" y="172087"/>
            <a:ext cx="6588578" cy="725326"/>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SG" dirty="0"/>
              <a:t>Considering a Choice of HDT</a:t>
            </a:r>
          </a:p>
        </p:txBody>
      </p:sp>
      <p:sp>
        <p:nvSpPr>
          <p:cNvPr id="2" name="TextBox 1">
            <a:extLst>
              <a:ext uri="{FF2B5EF4-FFF2-40B4-BE49-F238E27FC236}">
                <a16:creationId xmlns:a16="http://schemas.microsoft.com/office/drawing/2014/main" id="{C4D6D505-187A-453D-ADE1-9D67FB316B40}"/>
              </a:ext>
            </a:extLst>
          </p:cNvPr>
          <p:cNvSpPr txBox="1"/>
          <p:nvPr/>
        </p:nvSpPr>
        <p:spPr>
          <a:xfrm>
            <a:off x="2705100" y="2799053"/>
            <a:ext cx="587829" cy="276999"/>
          </a:xfrm>
          <a:prstGeom prst="rect">
            <a:avLst/>
          </a:prstGeom>
          <a:noFill/>
          <a:ln>
            <a:solidFill>
              <a:srgbClr val="C00000"/>
            </a:solidFill>
          </a:ln>
        </p:spPr>
        <p:txBody>
          <a:bodyPr wrap="square" rtlCol="0">
            <a:spAutoFit/>
          </a:bodyPr>
          <a:lstStyle/>
          <a:p>
            <a:r>
              <a:rPr lang="en-SG" sz="1200" b="1" dirty="0">
                <a:solidFill>
                  <a:srgbClr val="C00000"/>
                </a:solidFill>
              </a:rPr>
              <a:t>mTOR</a:t>
            </a:r>
          </a:p>
        </p:txBody>
      </p:sp>
      <p:sp>
        <p:nvSpPr>
          <p:cNvPr id="3" name="TextBox 2">
            <a:extLst>
              <a:ext uri="{FF2B5EF4-FFF2-40B4-BE49-F238E27FC236}">
                <a16:creationId xmlns:a16="http://schemas.microsoft.com/office/drawing/2014/main" id="{944A51DA-A641-4BD8-80D1-04C840772611}"/>
              </a:ext>
            </a:extLst>
          </p:cNvPr>
          <p:cNvSpPr txBox="1"/>
          <p:nvPr/>
        </p:nvSpPr>
        <p:spPr>
          <a:xfrm>
            <a:off x="3668486" y="2667671"/>
            <a:ext cx="696685" cy="369332"/>
          </a:xfrm>
          <a:prstGeom prst="rect">
            <a:avLst/>
          </a:prstGeom>
          <a:noFill/>
          <a:ln w="25400">
            <a:solidFill>
              <a:srgbClr val="0070C0"/>
            </a:solidFill>
          </a:ln>
        </p:spPr>
        <p:txBody>
          <a:bodyPr wrap="square" rtlCol="0">
            <a:spAutoFit/>
          </a:bodyPr>
          <a:lstStyle/>
          <a:p>
            <a:endParaRPr lang="en-SG" dirty="0"/>
          </a:p>
        </p:txBody>
      </p:sp>
      <p:sp>
        <p:nvSpPr>
          <p:cNvPr id="16" name="TextBox 15">
            <a:extLst>
              <a:ext uri="{FF2B5EF4-FFF2-40B4-BE49-F238E27FC236}">
                <a16:creationId xmlns:a16="http://schemas.microsoft.com/office/drawing/2014/main" id="{6DFCFC38-27AD-40E8-9FE0-90DE45F722B6}"/>
              </a:ext>
            </a:extLst>
          </p:cNvPr>
          <p:cNvSpPr txBox="1"/>
          <p:nvPr/>
        </p:nvSpPr>
        <p:spPr>
          <a:xfrm>
            <a:off x="1632859" y="2796457"/>
            <a:ext cx="696685" cy="276999"/>
          </a:xfrm>
          <a:prstGeom prst="rect">
            <a:avLst/>
          </a:prstGeom>
          <a:noFill/>
          <a:ln w="25400">
            <a:solidFill>
              <a:srgbClr val="C00000"/>
            </a:solidFill>
          </a:ln>
        </p:spPr>
        <p:txBody>
          <a:bodyPr wrap="square" rtlCol="0">
            <a:spAutoFit/>
          </a:bodyPr>
          <a:lstStyle/>
          <a:p>
            <a:endParaRPr lang="en-SG" sz="1200" dirty="0"/>
          </a:p>
        </p:txBody>
      </p:sp>
      <p:sp>
        <p:nvSpPr>
          <p:cNvPr id="18" name="TextBox 17">
            <a:extLst>
              <a:ext uri="{FF2B5EF4-FFF2-40B4-BE49-F238E27FC236}">
                <a16:creationId xmlns:a16="http://schemas.microsoft.com/office/drawing/2014/main" id="{1F9FFA54-B0FC-4AB5-9D72-C88B0324DA3E}"/>
              </a:ext>
            </a:extLst>
          </p:cNvPr>
          <p:cNvSpPr txBox="1"/>
          <p:nvPr/>
        </p:nvSpPr>
        <p:spPr>
          <a:xfrm>
            <a:off x="3804557" y="4188520"/>
            <a:ext cx="560612" cy="225224"/>
          </a:xfrm>
          <a:prstGeom prst="rect">
            <a:avLst/>
          </a:prstGeom>
          <a:noFill/>
          <a:ln w="25400">
            <a:solidFill>
              <a:srgbClr val="C00000"/>
            </a:solidFill>
          </a:ln>
        </p:spPr>
        <p:txBody>
          <a:bodyPr wrap="square" rtlCol="0">
            <a:spAutoFit/>
          </a:bodyPr>
          <a:lstStyle/>
          <a:p>
            <a:endParaRPr lang="en-SG" sz="800" dirty="0"/>
          </a:p>
        </p:txBody>
      </p:sp>
      <p:sp>
        <p:nvSpPr>
          <p:cNvPr id="19" name="TextBox 18">
            <a:extLst>
              <a:ext uri="{FF2B5EF4-FFF2-40B4-BE49-F238E27FC236}">
                <a16:creationId xmlns:a16="http://schemas.microsoft.com/office/drawing/2014/main" id="{1EC0DFCD-C9F1-4650-A4E1-1D680DD44211}"/>
              </a:ext>
            </a:extLst>
          </p:cNvPr>
          <p:cNvSpPr txBox="1"/>
          <p:nvPr/>
        </p:nvSpPr>
        <p:spPr>
          <a:xfrm>
            <a:off x="3668485" y="4442822"/>
            <a:ext cx="696685" cy="369332"/>
          </a:xfrm>
          <a:prstGeom prst="rect">
            <a:avLst/>
          </a:prstGeom>
          <a:noFill/>
          <a:ln w="25400">
            <a:solidFill>
              <a:srgbClr val="C00000"/>
            </a:solidFill>
          </a:ln>
        </p:spPr>
        <p:txBody>
          <a:bodyPr wrap="square" rtlCol="0">
            <a:spAutoFit/>
          </a:bodyPr>
          <a:lstStyle/>
          <a:p>
            <a:endParaRPr lang="en-SG" dirty="0"/>
          </a:p>
        </p:txBody>
      </p:sp>
      <p:sp>
        <p:nvSpPr>
          <p:cNvPr id="21" name="TextBox 20">
            <a:extLst>
              <a:ext uri="{FF2B5EF4-FFF2-40B4-BE49-F238E27FC236}">
                <a16:creationId xmlns:a16="http://schemas.microsoft.com/office/drawing/2014/main" id="{C3B017A7-4238-4A52-8819-752943269240}"/>
              </a:ext>
            </a:extLst>
          </p:cNvPr>
          <p:cNvSpPr txBox="1"/>
          <p:nvPr/>
        </p:nvSpPr>
        <p:spPr>
          <a:xfrm>
            <a:off x="3222172" y="4841232"/>
            <a:ext cx="1273628" cy="369332"/>
          </a:xfrm>
          <a:prstGeom prst="rect">
            <a:avLst/>
          </a:prstGeom>
          <a:noFill/>
          <a:ln w="25400">
            <a:solidFill>
              <a:srgbClr val="0070C0"/>
            </a:solidFill>
          </a:ln>
        </p:spPr>
        <p:txBody>
          <a:bodyPr wrap="square" rtlCol="0">
            <a:spAutoFit/>
          </a:bodyPr>
          <a:lstStyle/>
          <a:p>
            <a:endParaRPr lang="en-SG" dirty="0"/>
          </a:p>
        </p:txBody>
      </p:sp>
      <p:sp>
        <p:nvSpPr>
          <p:cNvPr id="23" name="TextBox 22">
            <a:extLst>
              <a:ext uri="{FF2B5EF4-FFF2-40B4-BE49-F238E27FC236}">
                <a16:creationId xmlns:a16="http://schemas.microsoft.com/office/drawing/2014/main" id="{93AF6B31-AA88-4AB2-9F52-D78FD01A29C5}"/>
              </a:ext>
            </a:extLst>
          </p:cNvPr>
          <p:cNvSpPr txBox="1"/>
          <p:nvPr/>
        </p:nvSpPr>
        <p:spPr>
          <a:xfrm>
            <a:off x="5900057" y="1634308"/>
            <a:ext cx="1099457" cy="276999"/>
          </a:xfrm>
          <a:prstGeom prst="rect">
            <a:avLst/>
          </a:prstGeom>
          <a:noFill/>
          <a:ln w="25400">
            <a:solidFill>
              <a:srgbClr val="FF0000"/>
            </a:solidFill>
          </a:ln>
        </p:spPr>
        <p:txBody>
          <a:bodyPr wrap="square" rtlCol="0">
            <a:spAutoFit/>
          </a:bodyPr>
          <a:lstStyle/>
          <a:p>
            <a:endParaRPr lang="en-SG" sz="1200" dirty="0"/>
          </a:p>
        </p:txBody>
      </p:sp>
      <p:sp>
        <p:nvSpPr>
          <p:cNvPr id="24" name="TextBox 23">
            <a:extLst>
              <a:ext uri="{FF2B5EF4-FFF2-40B4-BE49-F238E27FC236}">
                <a16:creationId xmlns:a16="http://schemas.microsoft.com/office/drawing/2014/main" id="{71ACC075-EBD9-4014-9A35-162F4BE59707}"/>
              </a:ext>
            </a:extLst>
          </p:cNvPr>
          <p:cNvSpPr txBox="1"/>
          <p:nvPr/>
        </p:nvSpPr>
        <p:spPr>
          <a:xfrm>
            <a:off x="3668484" y="3460877"/>
            <a:ext cx="696685" cy="369332"/>
          </a:xfrm>
          <a:prstGeom prst="rect">
            <a:avLst/>
          </a:prstGeom>
          <a:noFill/>
          <a:ln w="25400">
            <a:solidFill>
              <a:srgbClr val="0070C0"/>
            </a:solidFill>
          </a:ln>
        </p:spPr>
        <p:txBody>
          <a:bodyPr wrap="square" rtlCol="0">
            <a:spAutoFit/>
          </a:bodyPr>
          <a:lstStyle/>
          <a:p>
            <a:endParaRPr lang="en-SG" dirty="0"/>
          </a:p>
        </p:txBody>
      </p:sp>
    </p:spTree>
    <p:extLst>
      <p:ext uri="{BB962C8B-B14F-4D97-AF65-F5344CB8AC3E}">
        <p14:creationId xmlns:p14="http://schemas.microsoft.com/office/powerpoint/2010/main" val="183285182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B4D4AB-BC1B-4D7B-A213-F42C36ED7D1E}"/>
              </a:ext>
            </a:extLst>
          </p:cNvPr>
          <p:cNvSpPr>
            <a:spLocks noGrp="1"/>
          </p:cNvSpPr>
          <p:nvPr>
            <p:ph type="title"/>
          </p:nvPr>
        </p:nvSpPr>
        <p:spPr>
          <a:xfrm>
            <a:off x="628650" y="365126"/>
            <a:ext cx="7886700" cy="954223"/>
          </a:xfrm>
        </p:spPr>
        <p:txBody>
          <a:bodyPr>
            <a:normAutofit fontScale="90000"/>
          </a:bodyPr>
          <a:lstStyle/>
          <a:p>
            <a:r>
              <a:rPr lang="en-SG" dirty="0"/>
              <a:t>Statins showed improved outcomes in patients with bacterial infections</a:t>
            </a:r>
          </a:p>
        </p:txBody>
      </p:sp>
      <p:pic>
        <p:nvPicPr>
          <p:cNvPr id="4" name="Content Placeholder 3">
            <a:extLst>
              <a:ext uri="{FF2B5EF4-FFF2-40B4-BE49-F238E27FC236}">
                <a16:creationId xmlns:a16="http://schemas.microsoft.com/office/drawing/2014/main" id="{0208B142-012D-4FFB-9CE9-D1F28EC8F567}"/>
              </a:ext>
            </a:extLst>
          </p:cNvPr>
          <p:cNvPicPr>
            <a:picLocks noGrp="1" noChangeAspect="1"/>
          </p:cNvPicPr>
          <p:nvPr>
            <p:ph idx="1"/>
          </p:nvPr>
        </p:nvPicPr>
        <p:blipFill>
          <a:blip r:embed="rId3">
            <a:extLst>
              <a:ext uri="{28A0092B-C50C-407E-A947-70E740481C1C}">
                <a14:useLocalDpi xmlns:a14="http://schemas.microsoft.com/office/drawing/2010/main" val="0"/>
              </a:ext>
            </a:extLst>
          </a:blip>
          <a:stretch>
            <a:fillRect/>
          </a:stretch>
        </p:blipFill>
        <p:spPr>
          <a:xfrm>
            <a:off x="48156" y="1383320"/>
            <a:ext cx="9047686" cy="4230087"/>
          </a:xfrm>
          <a:prstGeom prst="rect">
            <a:avLst/>
          </a:prstGeom>
        </p:spPr>
      </p:pic>
      <p:sp>
        <p:nvSpPr>
          <p:cNvPr id="5" name="TextBox 4">
            <a:extLst>
              <a:ext uri="{FF2B5EF4-FFF2-40B4-BE49-F238E27FC236}">
                <a16:creationId xmlns:a16="http://schemas.microsoft.com/office/drawing/2014/main" id="{CBEC56A6-7F97-4096-9BA4-6867BB8EFE21}"/>
              </a:ext>
            </a:extLst>
          </p:cNvPr>
          <p:cNvSpPr txBox="1"/>
          <p:nvPr/>
        </p:nvSpPr>
        <p:spPr>
          <a:xfrm>
            <a:off x="339634" y="5613407"/>
            <a:ext cx="8464731" cy="1058091"/>
          </a:xfrm>
          <a:prstGeom prst="rect">
            <a:avLst/>
          </a:prstGeom>
          <a:noFill/>
        </p:spPr>
        <p:txBody>
          <a:bodyPr wrap="square" rtlCol="0">
            <a:spAutoFit/>
          </a:bodyPr>
          <a:lstStyle/>
          <a:p>
            <a:endParaRPr lang="en-SG" dirty="0"/>
          </a:p>
        </p:txBody>
      </p:sp>
      <p:sp>
        <p:nvSpPr>
          <p:cNvPr id="6" name="TextBox 5">
            <a:extLst>
              <a:ext uri="{FF2B5EF4-FFF2-40B4-BE49-F238E27FC236}">
                <a16:creationId xmlns:a16="http://schemas.microsoft.com/office/drawing/2014/main" id="{4DEE5335-E359-46DD-8CFA-7FEFDAED0F97}"/>
              </a:ext>
            </a:extLst>
          </p:cNvPr>
          <p:cNvSpPr txBox="1"/>
          <p:nvPr/>
        </p:nvSpPr>
        <p:spPr>
          <a:xfrm>
            <a:off x="3518263" y="6532998"/>
            <a:ext cx="5701938" cy="276999"/>
          </a:xfrm>
          <a:prstGeom prst="rect">
            <a:avLst/>
          </a:prstGeom>
          <a:noFill/>
        </p:spPr>
        <p:txBody>
          <a:bodyPr wrap="square" rtlCol="0">
            <a:spAutoFit/>
          </a:bodyPr>
          <a:lstStyle/>
          <a:p>
            <a:r>
              <a:rPr lang="en-SG" sz="1200" dirty="0" err="1"/>
              <a:t>Henessey</a:t>
            </a:r>
            <a:r>
              <a:rPr lang="en-SG" sz="1200" dirty="0"/>
              <a:t>, </a:t>
            </a:r>
            <a:r>
              <a:rPr lang="en-SG" sz="1200" b="1" dirty="0"/>
              <a:t>Is There Potential for repurposing statins as Novel Antimicrobials</a:t>
            </a:r>
            <a:r>
              <a:rPr lang="en-SG" sz="1200" dirty="0"/>
              <a:t>. AAC 2016</a:t>
            </a:r>
          </a:p>
        </p:txBody>
      </p:sp>
    </p:spTree>
    <p:extLst>
      <p:ext uri="{BB962C8B-B14F-4D97-AF65-F5344CB8AC3E}">
        <p14:creationId xmlns:p14="http://schemas.microsoft.com/office/powerpoint/2010/main" val="258857618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CFBF534-8027-42D1-B420-30C3E40A0281}"/>
              </a:ext>
            </a:extLst>
          </p:cNvPr>
          <p:cNvGraphicFramePr>
            <a:graphicFrameLocks noGrp="1"/>
          </p:cNvGraphicFramePr>
          <p:nvPr>
            <p:ph idx="1"/>
            <p:extLst>
              <p:ext uri="{D42A27DB-BD31-4B8C-83A1-F6EECF244321}">
                <p14:modId xmlns:p14="http://schemas.microsoft.com/office/powerpoint/2010/main" val="2203945747"/>
              </p:ext>
            </p:extLst>
          </p:nvPr>
        </p:nvGraphicFramePr>
        <p:xfrm>
          <a:off x="628650" y="1067889"/>
          <a:ext cx="7886700" cy="2489925"/>
        </p:xfrm>
        <a:graphic>
          <a:graphicData uri="http://schemas.openxmlformats.org/drawingml/2006/table">
            <a:tbl>
              <a:tblPr firstRow="1" bandRow="1">
                <a:tableStyleId>{0505E3EF-67EA-436B-97B2-0124C06EBD24}</a:tableStyleId>
              </a:tblPr>
              <a:tblGrid>
                <a:gridCol w="764721">
                  <a:extLst>
                    <a:ext uri="{9D8B030D-6E8A-4147-A177-3AD203B41FA5}">
                      <a16:colId xmlns:a16="http://schemas.microsoft.com/office/drawing/2014/main" val="2733882383"/>
                    </a:ext>
                  </a:extLst>
                </a:gridCol>
                <a:gridCol w="5747659">
                  <a:extLst>
                    <a:ext uri="{9D8B030D-6E8A-4147-A177-3AD203B41FA5}">
                      <a16:colId xmlns:a16="http://schemas.microsoft.com/office/drawing/2014/main" val="3511971651"/>
                    </a:ext>
                  </a:extLst>
                </a:gridCol>
                <a:gridCol w="1374320">
                  <a:extLst>
                    <a:ext uri="{9D8B030D-6E8A-4147-A177-3AD203B41FA5}">
                      <a16:colId xmlns:a16="http://schemas.microsoft.com/office/drawing/2014/main" val="131806412"/>
                    </a:ext>
                  </a:extLst>
                </a:gridCol>
              </a:tblGrid>
              <a:tr h="370840">
                <a:tc>
                  <a:txBody>
                    <a:bodyPr/>
                    <a:lstStyle/>
                    <a:p>
                      <a:r>
                        <a:rPr lang="en-SG" dirty="0"/>
                        <a:t>YEAR</a:t>
                      </a:r>
                    </a:p>
                  </a:txBody>
                  <a:tcPr/>
                </a:tc>
                <a:tc>
                  <a:txBody>
                    <a:bodyPr/>
                    <a:lstStyle/>
                    <a:p>
                      <a:r>
                        <a:rPr lang="en-SG" dirty="0"/>
                        <a:t>FINDING</a:t>
                      </a:r>
                    </a:p>
                  </a:txBody>
                  <a:tcPr/>
                </a:tc>
                <a:tc>
                  <a:txBody>
                    <a:bodyPr/>
                    <a:lstStyle/>
                    <a:p>
                      <a:r>
                        <a:rPr lang="en-SG" dirty="0"/>
                        <a:t>Ref</a:t>
                      </a:r>
                    </a:p>
                  </a:txBody>
                  <a:tcPr/>
                </a:tc>
                <a:extLst>
                  <a:ext uri="{0D108BD9-81ED-4DB2-BD59-A6C34878D82A}">
                    <a16:rowId xmlns:a16="http://schemas.microsoft.com/office/drawing/2014/main" val="2973473273"/>
                  </a:ext>
                </a:extLst>
              </a:tr>
              <a:tr h="370840">
                <a:tc>
                  <a:txBody>
                    <a:bodyPr/>
                    <a:lstStyle/>
                    <a:p>
                      <a:r>
                        <a:rPr lang="en-SG" dirty="0"/>
                        <a:t>1913</a:t>
                      </a:r>
                    </a:p>
                  </a:txBody>
                  <a:tcPr/>
                </a:tc>
                <a:tc>
                  <a:txBody>
                    <a:bodyPr/>
                    <a:lstStyle/>
                    <a:p>
                      <a:r>
                        <a:rPr lang="en-SG" dirty="0"/>
                        <a:t>Mycobacteria grow on cholesterol</a:t>
                      </a:r>
                    </a:p>
                  </a:txBody>
                  <a:tcPr/>
                </a:tc>
                <a:tc>
                  <a:txBody>
                    <a:bodyPr/>
                    <a:lstStyle/>
                    <a:p>
                      <a:pPr marL="0" algn="l" defTabSz="914400" rtl="0" eaLnBrk="1" latinLnBrk="0" hangingPunct="1"/>
                      <a:r>
                        <a:rPr lang="en-SG" sz="1400" kern="1200" dirty="0" err="1">
                          <a:solidFill>
                            <a:schemeClr val="tx1"/>
                          </a:solidFill>
                          <a:latin typeface="+mn-lt"/>
                          <a:ea typeface="+mn-ea"/>
                          <a:cs typeface="+mn-cs"/>
                        </a:rPr>
                        <a:t>Sohnen</a:t>
                      </a:r>
                      <a:endParaRPr lang="en-SG" sz="1400" kern="1200" dirty="0">
                        <a:solidFill>
                          <a:schemeClr val="tx1"/>
                        </a:solidFill>
                        <a:latin typeface="+mn-lt"/>
                        <a:ea typeface="+mn-ea"/>
                        <a:cs typeface="+mn-cs"/>
                      </a:endParaRPr>
                    </a:p>
                  </a:txBody>
                  <a:tcPr/>
                </a:tc>
                <a:extLst>
                  <a:ext uri="{0D108BD9-81ED-4DB2-BD59-A6C34878D82A}">
                    <a16:rowId xmlns:a16="http://schemas.microsoft.com/office/drawing/2014/main" val="1440968099"/>
                  </a:ext>
                </a:extLst>
              </a:tr>
              <a:tr h="468085">
                <a:tc>
                  <a:txBody>
                    <a:bodyPr/>
                    <a:lstStyle/>
                    <a:p>
                      <a:r>
                        <a:rPr lang="en-SG" dirty="0"/>
                        <a:t>1998</a:t>
                      </a:r>
                    </a:p>
                  </a:txBody>
                  <a:tcPr/>
                </a:tc>
                <a:tc>
                  <a:txBody>
                    <a:bodyPr/>
                    <a:lstStyle/>
                    <a:p>
                      <a:r>
                        <a:rPr lang="en-SG" dirty="0" err="1"/>
                        <a:t>Mtb</a:t>
                      </a:r>
                      <a:r>
                        <a:rPr lang="en-SG" dirty="0"/>
                        <a:t> whole genome sequence, +++ genes relating to lipid metabolism</a:t>
                      </a:r>
                    </a:p>
                  </a:txBody>
                  <a:tcPr/>
                </a:tc>
                <a:tc>
                  <a:txBody>
                    <a:bodyPr/>
                    <a:lstStyle/>
                    <a:p>
                      <a:pPr marL="0" algn="l" defTabSz="914400" rtl="0" eaLnBrk="1" latinLnBrk="0" hangingPunct="1"/>
                      <a:r>
                        <a:rPr lang="en-SG" sz="1400" kern="1200" dirty="0">
                          <a:solidFill>
                            <a:schemeClr val="tx1"/>
                          </a:solidFill>
                          <a:latin typeface="+mn-lt"/>
                          <a:ea typeface="+mn-ea"/>
                          <a:cs typeface="+mn-cs"/>
                        </a:rPr>
                        <a:t>Cole</a:t>
                      </a:r>
                    </a:p>
                  </a:txBody>
                  <a:tcPr/>
                </a:tc>
                <a:extLst>
                  <a:ext uri="{0D108BD9-81ED-4DB2-BD59-A6C34878D82A}">
                    <a16:rowId xmlns:a16="http://schemas.microsoft.com/office/drawing/2014/main" val="2223184692"/>
                  </a:ext>
                </a:extLst>
              </a:tr>
              <a:tr h="468085">
                <a:tc>
                  <a:txBody>
                    <a:bodyPr/>
                    <a:lstStyle/>
                    <a:p>
                      <a:r>
                        <a:rPr lang="en-SG" sz="1800" dirty="0">
                          <a:solidFill>
                            <a:schemeClr val="tx1"/>
                          </a:solidFill>
                        </a:rPr>
                        <a:t>1999</a:t>
                      </a:r>
                    </a:p>
                  </a:txBody>
                  <a:tcPr/>
                </a:tc>
                <a:tc>
                  <a:txBody>
                    <a:bodyPr/>
                    <a:lstStyle/>
                    <a:p>
                      <a:r>
                        <a:rPr lang="en-SG" sz="1800" dirty="0">
                          <a:solidFill>
                            <a:schemeClr val="tx1"/>
                          </a:solidFill>
                        </a:rPr>
                        <a:t>MTB survives within phagosome coated with TACO protein</a:t>
                      </a:r>
                    </a:p>
                  </a:txBody>
                  <a:tcPr/>
                </a:tc>
                <a:tc>
                  <a:txBody>
                    <a:bodyPr/>
                    <a:lstStyle/>
                    <a:p>
                      <a:pPr marL="0" algn="l" defTabSz="914400" rtl="0" eaLnBrk="1" latinLnBrk="0" hangingPunct="1"/>
                      <a:r>
                        <a:rPr lang="en-SG" sz="1400" kern="1200" dirty="0">
                          <a:solidFill>
                            <a:schemeClr val="tx1"/>
                          </a:solidFill>
                          <a:latin typeface="+mn-lt"/>
                          <a:ea typeface="+mn-ea"/>
                          <a:cs typeface="+mn-cs"/>
                        </a:rPr>
                        <a:t>Ferrari</a:t>
                      </a:r>
                    </a:p>
                  </a:txBody>
                  <a:tcPr/>
                </a:tc>
                <a:extLst>
                  <a:ext uri="{0D108BD9-81ED-4DB2-BD59-A6C34878D82A}">
                    <a16:rowId xmlns:a16="http://schemas.microsoft.com/office/drawing/2014/main" val="2766708595"/>
                  </a:ext>
                </a:extLst>
              </a:tr>
              <a:tr h="370840">
                <a:tc>
                  <a:txBody>
                    <a:bodyPr/>
                    <a:lstStyle/>
                    <a:p>
                      <a:r>
                        <a:rPr lang="en-SG" dirty="0"/>
                        <a:t>2000</a:t>
                      </a:r>
                    </a:p>
                  </a:txBody>
                  <a:tcPr/>
                </a:tc>
                <a:tc>
                  <a:txBody>
                    <a:bodyPr/>
                    <a:lstStyle/>
                    <a:p>
                      <a:pPr marL="0" indent="0">
                        <a:buFontTx/>
                        <a:buNone/>
                      </a:pPr>
                      <a:r>
                        <a:rPr lang="en-SG" dirty="0" err="1"/>
                        <a:t>Mtb</a:t>
                      </a:r>
                      <a:r>
                        <a:rPr lang="en-SG" dirty="0"/>
                        <a:t> required cholesterol to infect macrophages, </a:t>
                      </a:r>
                    </a:p>
                    <a:p>
                      <a:pPr marL="0" indent="0">
                        <a:buFontTx/>
                        <a:buNone/>
                      </a:pPr>
                      <a:r>
                        <a:rPr lang="en-SG" dirty="0"/>
                        <a:t>Reduce cholesterol = limit entry</a:t>
                      </a:r>
                    </a:p>
                  </a:txBody>
                  <a:tcPr/>
                </a:tc>
                <a:tc>
                  <a:txBody>
                    <a:bodyPr/>
                    <a:lstStyle/>
                    <a:p>
                      <a:pPr marL="0" algn="l" defTabSz="914400" rtl="0" eaLnBrk="1" latinLnBrk="0" hangingPunct="1"/>
                      <a:r>
                        <a:rPr lang="en-SG" sz="1400" kern="1200" dirty="0" err="1">
                          <a:solidFill>
                            <a:schemeClr val="tx1"/>
                          </a:solidFill>
                          <a:latin typeface="+mn-lt"/>
                          <a:ea typeface="+mn-ea"/>
                          <a:cs typeface="+mn-cs"/>
                        </a:rPr>
                        <a:t>Gatfield</a:t>
                      </a:r>
                      <a:endParaRPr lang="en-SG" sz="1400" kern="1200" dirty="0">
                        <a:solidFill>
                          <a:schemeClr val="tx1"/>
                        </a:solidFill>
                        <a:latin typeface="+mn-lt"/>
                        <a:ea typeface="+mn-ea"/>
                        <a:cs typeface="+mn-cs"/>
                      </a:endParaRPr>
                    </a:p>
                    <a:p>
                      <a:pPr marL="0" algn="l" defTabSz="914400" rtl="0" eaLnBrk="1" latinLnBrk="0" hangingPunct="1"/>
                      <a:r>
                        <a:rPr lang="en-SG" sz="1400" kern="1200" dirty="0">
                          <a:solidFill>
                            <a:schemeClr val="tx1"/>
                          </a:solidFill>
                          <a:latin typeface="+mn-lt"/>
                          <a:ea typeface="+mn-ea"/>
                          <a:cs typeface="+mn-cs"/>
                        </a:rPr>
                        <a:t>Pieters</a:t>
                      </a:r>
                    </a:p>
                  </a:txBody>
                  <a:tcPr/>
                </a:tc>
                <a:extLst>
                  <a:ext uri="{0D108BD9-81ED-4DB2-BD59-A6C34878D82A}">
                    <a16:rowId xmlns:a16="http://schemas.microsoft.com/office/drawing/2014/main" val="204582873"/>
                  </a:ext>
                </a:extLst>
              </a:tr>
            </a:tbl>
          </a:graphicData>
        </a:graphic>
      </p:graphicFrame>
      <p:sp>
        <p:nvSpPr>
          <p:cNvPr id="5" name="Title 4">
            <a:extLst>
              <a:ext uri="{FF2B5EF4-FFF2-40B4-BE49-F238E27FC236}">
                <a16:creationId xmlns:a16="http://schemas.microsoft.com/office/drawing/2014/main" id="{11E4A2AF-7582-4A25-84A2-115DE7048109}"/>
              </a:ext>
            </a:extLst>
          </p:cNvPr>
          <p:cNvSpPr>
            <a:spLocks noGrp="1"/>
          </p:cNvSpPr>
          <p:nvPr>
            <p:ph type="title"/>
          </p:nvPr>
        </p:nvSpPr>
        <p:spPr>
          <a:xfrm>
            <a:off x="628649" y="365126"/>
            <a:ext cx="8406493" cy="603703"/>
          </a:xfrm>
        </p:spPr>
        <p:txBody>
          <a:bodyPr>
            <a:normAutofit/>
          </a:bodyPr>
          <a:lstStyle/>
          <a:p>
            <a:r>
              <a:rPr lang="en-SG" sz="3200" dirty="0"/>
              <a:t>Timeline: Cholesterol, TB and statins</a:t>
            </a:r>
          </a:p>
        </p:txBody>
      </p:sp>
      <p:pic>
        <p:nvPicPr>
          <p:cNvPr id="4" name="Content Placeholder 4">
            <a:extLst>
              <a:ext uri="{FF2B5EF4-FFF2-40B4-BE49-F238E27FC236}">
                <a16:creationId xmlns:a16="http://schemas.microsoft.com/office/drawing/2014/main" id="{306CBEB2-9D28-468E-B6B8-8E66431A02C1}"/>
              </a:ext>
            </a:extLst>
          </p:cNvPr>
          <p:cNvPicPr>
            <a:picLocks noChangeAspect="1"/>
          </p:cNvPicPr>
          <p:nvPr/>
        </p:nvPicPr>
        <p:blipFill>
          <a:blip r:embed="rId3"/>
          <a:stretch>
            <a:fillRect/>
          </a:stretch>
        </p:blipFill>
        <p:spPr>
          <a:xfrm>
            <a:off x="123323" y="3863243"/>
            <a:ext cx="5704198" cy="1394059"/>
          </a:xfrm>
          <a:prstGeom prst="rect">
            <a:avLst/>
          </a:prstGeom>
        </p:spPr>
      </p:pic>
      <p:sp>
        <p:nvSpPr>
          <p:cNvPr id="7" name="TextBox 6">
            <a:extLst>
              <a:ext uri="{FF2B5EF4-FFF2-40B4-BE49-F238E27FC236}">
                <a16:creationId xmlns:a16="http://schemas.microsoft.com/office/drawing/2014/main" id="{64E762EB-2848-4E51-A454-AD26F33C55CC}"/>
              </a:ext>
            </a:extLst>
          </p:cNvPr>
          <p:cNvSpPr txBox="1"/>
          <p:nvPr/>
        </p:nvSpPr>
        <p:spPr>
          <a:xfrm>
            <a:off x="258920" y="6132895"/>
            <a:ext cx="4792980" cy="523220"/>
          </a:xfrm>
          <a:prstGeom prst="rect">
            <a:avLst/>
          </a:prstGeom>
          <a:noFill/>
        </p:spPr>
        <p:txBody>
          <a:bodyPr wrap="square" rtlCol="0">
            <a:spAutoFit/>
          </a:bodyPr>
          <a:lstStyle/>
          <a:p>
            <a:pPr algn="l"/>
            <a:r>
              <a:rPr lang="en-SG" sz="1400" dirty="0" err="1"/>
              <a:t>Gatfield</a:t>
            </a:r>
            <a:r>
              <a:rPr lang="en-SG" sz="1400" dirty="0"/>
              <a:t> and Pieters, </a:t>
            </a:r>
            <a:r>
              <a:rPr lang="en-US" sz="1400" b="1" i="0" u="none" strike="noStrike" baseline="0" dirty="0">
                <a:latin typeface="Bliss-Heavy"/>
              </a:rPr>
              <a:t>Essential Role for Cholesterol in </a:t>
            </a:r>
            <a:r>
              <a:rPr lang="en-SG" sz="1400" b="1" i="0" u="none" strike="noStrike" baseline="0" dirty="0">
                <a:latin typeface="Bliss-Heavy"/>
              </a:rPr>
              <a:t>Entry of Mycobacteria into Macrophages</a:t>
            </a:r>
            <a:r>
              <a:rPr lang="en-SG" sz="1400" b="0" i="0" u="none" strike="noStrike" baseline="0" dirty="0">
                <a:latin typeface="Bliss-Heavy"/>
              </a:rPr>
              <a:t>, SCIENCE Vol 288, 2 June 2000</a:t>
            </a:r>
            <a:endParaRPr lang="en-SG" sz="1400" dirty="0"/>
          </a:p>
        </p:txBody>
      </p:sp>
      <p:pic>
        <p:nvPicPr>
          <p:cNvPr id="3" name="Picture 2">
            <a:extLst>
              <a:ext uri="{FF2B5EF4-FFF2-40B4-BE49-F238E27FC236}">
                <a16:creationId xmlns:a16="http://schemas.microsoft.com/office/drawing/2014/main" id="{F1BDA3DE-D49C-47D4-97BA-C3C4980FC1E5}"/>
              </a:ext>
            </a:extLst>
          </p:cNvPr>
          <p:cNvPicPr>
            <a:picLocks noChangeAspect="1"/>
          </p:cNvPicPr>
          <p:nvPr/>
        </p:nvPicPr>
        <p:blipFill>
          <a:blip r:embed="rId4"/>
          <a:stretch>
            <a:fillRect/>
          </a:stretch>
        </p:blipFill>
        <p:spPr>
          <a:xfrm>
            <a:off x="5827521" y="4114074"/>
            <a:ext cx="3057559" cy="2590905"/>
          </a:xfrm>
          <a:prstGeom prst="rect">
            <a:avLst/>
          </a:prstGeom>
        </p:spPr>
      </p:pic>
    </p:spTree>
    <p:extLst>
      <p:ext uri="{BB962C8B-B14F-4D97-AF65-F5344CB8AC3E}">
        <p14:creationId xmlns:p14="http://schemas.microsoft.com/office/powerpoint/2010/main" val="162558168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01E7A7-41FA-4ED4-9548-758902CDF211}"/>
              </a:ext>
            </a:extLst>
          </p:cNvPr>
          <p:cNvSpPr>
            <a:spLocks noGrp="1"/>
          </p:cNvSpPr>
          <p:nvPr>
            <p:ph type="title"/>
          </p:nvPr>
        </p:nvSpPr>
        <p:spPr/>
        <p:txBody>
          <a:bodyPr>
            <a:noAutofit/>
          </a:bodyPr>
          <a:lstStyle/>
          <a:p>
            <a:r>
              <a:rPr lang="en-US" sz="4000" dirty="0"/>
              <a:t>TACO protein (Coronin-1) prevents </a:t>
            </a:r>
            <a:r>
              <a:rPr lang="en-US" sz="4000" dirty="0" err="1"/>
              <a:t>phagolysosomal</a:t>
            </a:r>
            <a:r>
              <a:rPr lang="en-US" sz="4000" dirty="0"/>
              <a:t> fusion</a:t>
            </a:r>
            <a:endParaRPr lang="en-SG" sz="4000" dirty="0"/>
          </a:p>
        </p:txBody>
      </p:sp>
      <p:pic>
        <p:nvPicPr>
          <p:cNvPr id="5" name="Content Placeholder 4">
            <a:extLst>
              <a:ext uri="{FF2B5EF4-FFF2-40B4-BE49-F238E27FC236}">
                <a16:creationId xmlns:a16="http://schemas.microsoft.com/office/drawing/2014/main" id="{8CE8638D-D558-4FBD-A4E9-B626711BCCE7}"/>
              </a:ext>
            </a:extLst>
          </p:cNvPr>
          <p:cNvPicPr>
            <a:picLocks noGrp="1" noChangeAspect="1"/>
          </p:cNvPicPr>
          <p:nvPr>
            <p:ph idx="1"/>
          </p:nvPr>
        </p:nvPicPr>
        <p:blipFill>
          <a:blip r:embed="rId3"/>
          <a:stretch>
            <a:fillRect/>
          </a:stretch>
        </p:blipFill>
        <p:spPr>
          <a:xfrm>
            <a:off x="841424" y="1857523"/>
            <a:ext cx="7461151" cy="3719916"/>
          </a:xfrm>
        </p:spPr>
      </p:pic>
      <p:sp>
        <p:nvSpPr>
          <p:cNvPr id="6" name="TextBox 5">
            <a:extLst>
              <a:ext uri="{FF2B5EF4-FFF2-40B4-BE49-F238E27FC236}">
                <a16:creationId xmlns:a16="http://schemas.microsoft.com/office/drawing/2014/main" id="{3DAD7D74-0115-4A21-8F11-860F1EFC16E3}"/>
              </a:ext>
            </a:extLst>
          </p:cNvPr>
          <p:cNvSpPr txBox="1"/>
          <p:nvPr/>
        </p:nvSpPr>
        <p:spPr>
          <a:xfrm>
            <a:off x="2236469" y="5121765"/>
            <a:ext cx="3809949" cy="276999"/>
          </a:xfrm>
          <a:prstGeom prst="rect">
            <a:avLst/>
          </a:prstGeom>
          <a:noFill/>
        </p:spPr>
        <p:txBody>
          <a:bodyPr wrap="square" rtlCol="0">
            <a:spAutoFit/>
          </a:bodyPr>
          <a:lstStyle/>
          <a:p>
            <a:r>
              <a:rPr lang="en-SG" sz="1200" dirty="0"/>
              <a:t>Tryptophane aspartate-containing coat protein</a:t>
            </a:r>
          </a:p>
        </p:txBody>
      </p:sp>
      <p:sp>
        <p:nvSpPr>
          <p:cNvPr id="10" name="TextBox 9">
            <a:extLst>
              <a:ext uri="{FF2B5EF4-FFF2-40B4-BE49-F238E27FC236}">
                <a16:creationId xmlns:a16="http://schemas.microsoft.com/office/drawing/2014/main" id="{631780C0-A505-40D5-B7F1-4F40727CA62E}"/>
              </a:ext>
            </a:extLst>
          </p:cNvPr>
          <p:cNvSpPr txBox="1"/>
          <p:nvPr/>
        </p:nvSpPr>
        <p:spPr>
          <a:xfrm>
            <a:off x="3697704" y="6334780"/>
            <a:ext cx="5512069" cy="523220"/>
          </a:xfrm>
          <a:prstGeom prst="rect">
            <a:avLst/>
          </a:prstGeom>
          <a:noFill/>
        </p:spPr>
        <p:txBody>
          <a:bodyPr wrap="square" rtlCol="0">
            <a:spAutoFit/>
          </a:bodyPr>
          <a:lstStyle/>
          <a:p>
            <a:pPr algn="l"/>
            <a:r>
              <a:rPr lang="en-SG" sz="1400" dirty="0"/>
              <a:t>Image from:  Jean Pieters,</a:t>
            </a:r>
            <a:r>
              <a:rPr lang="en-US" sz="1400" b="1" i="0" u="none" strike="noStrike" baseline="0" dirty="0">
                <a:latin typeface="Bliss-Heavy"/>
              </a:rPr>
              <a:t> </a:t>
            </a:r>
            <a:r>
              <a:rPr lang="en-SG" sz="1400" b="1" i="0" u="none" strike="noStrike" baseline="0" dirty="0">
                <a:latin typeface="Bliss-Heavy"/>
              </a:rPr>
              <a:t>Entry and survival </a:t>
            </a:r>
            <a:r>
              <a:rPr lang="en-SG" sz="1400" b="1" dirty="0">
                <a:latin typeface="Bliss-Heavy"/>
              </a:rPr>
              <a:t>of pathogenic mycobacteria in macrophages</a:t>
            </a:r>
            <a:r>
              <a:rPr lang="en-SG" sz="1400" b="0" i="0" u="none" strike="noStrike" baseline="0" dirty="0">
                <a:latin typeface="Bliss-Heavy"/>
              </a:rPr>
              <a:t>, Microbes and Infection Vol 3, 2 June 2000</a:t>
            </a:r>
            <a:endParaRPr lang="en-SG" sz="1400" dirty="0"/>
          </a:p>
        </p:txBody>
      </p:sp>
      <p:cxnSp>
        <p:nvCxnSpPr>
          <p:cNvPr id="12" name="Straight Arrow Connector 11">
            <a:extLst>
              <a:ext uri="{FF2B5EF4-FFF2-40B4-BE49-F238E27FC236}">
                <a16:creationId xmlns:a16="http://schemas.microsoft.com/office/drawing/2014/main" id="{3E11240D-2D58-4CE5-B971-DEE0C79C0627}"/>
              </a:ext>
            </a:extLst>
          </p:cNvPr>
          <p:cNvCxnSpPr>
            <a:cxnSpLocks/>
            <a:stCxn id="6" idx="0"/>
          </p:cNvCxnSpPr>
          <p:nvPr/>
        </p:nvCxnSpPr>
        <p:spPr>
          <a:xfrm flipV="1">
            <a:off x="4141444" y="4785360"/>
            <a:ext cx="0" cy="33640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Oval 12">
            <a:extLst>
              <a:ext uri="{FF2B5EF4-FFF2-40B4-BE49-F238E27FC236}">
                <a16:creationId xmlns:a16="http://schemas.microsoft.com/office/drawing/2014/main" id="{7E49495C-7447-47EC-B7DD-9EFEF1441719}"/>
              </a:ext>
            </a:extLst>
          </p:cNvPr>
          <p:cNvSpPr/>
          <p:nvPr/>
        </p:nvSpPr>
        <p:spPr>
          <a:xfrm>
            <a:off x="1716505" y="3810000"/>
            <a:ext cx="45719" cy="45719"/>
          </a:xfrm>
          <a:prstGeom prst="ellipse">
            <a:avLst/>
          </a:prstGeom>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4" name="Oval 13">
            <a:extLst>
              <a:ext uri="{FF2B5EF4-FFF2-40B4-BE49-F238E27FC236}">
                <a16:creationId xmlns:a16="http://schemas.microsoft.com/office/drawing/2014/main" id="{01F0CBF2-4F75-43BE-8CBD-BB751A710F57}"/>
              </a:ext>
            </a:extLst>
          </p:cNvPr>
          <p:cNvSpPr/>
          <p:nvPr/>
        </p:nvSpPr>
        <p:spPr>
          <a:xfrm>
            <a:off x="1564107" y="3962400"/>
            <a:ext cx="45719" cy="45719"/>
          </a:xfrm>
          <a:prstGeom prst="ellipse">
            <a:avLst/>
          </a:prstGeom>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5" name="Oval 14">
            <a:extLst>
              <a:ext uri="{FF2B5EF4-FFF2-40B4-BE49-F238E27FC236}">
                <a16:creationId xmlns:a16="http://schemas.microsoft.com/office/drawing/2014/main" id="{66BAEA23-C24E-40A0-8583-EFC09FFEF84C}"/>
              </a:ext>
            </a:extLst>
          </p:cNvPr>
          <p:cNvSpPr/>
          <p:nvPr/>
        </p:nvSpPr>
        <p:spPr>
          <a:xfrm>
            <a:off x="1403687" y="4170946"/>
            <a:ext cx="45719" cy="45719"/>
          </a:xfrm>
          <a:prstGeom prst="ellipse">
            <a:avLst/>
          </a:prstGeom>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7" name="Oval 16">
            <a:extLst>
              <a:ext uri="{FF2B5EF4-FFF2-40B4-BE49-F238E27FC236}">
                <a16:creationId xmlns:a16="http://schemas.microsoft.com/office/drawing/2014/main" id="{20E2BB97-6FE4-4A81-B90A-0B958DD6EC85}"/>
              </a:ext>
            </a:extLst>
          </p:cNvPr>
          <p:cNvSpPr/>
          <p:nvPr/>
        </p:nvSpPr>
        <p:spPr>
          <a:xfrm>
            <a:off x="1868905" y="5598686"/>
            <a:ext cx="45719" cy="45719"/>
          </a:xfrm>
          <a:prstGeom prst="ellipse">
            <a:avLst/>
          </a:prstGeom>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SG"/>
          </a:p>
        </p:txBody>
      </p:sp>
      <p:sp>
        <p:nvSpPr>
          <p:cNvPr id="18" name="TextBox 17">
            <a:extLst>
              <a:ext uri="{FF2B5EF4-FFF2-40B4-BE49-F238E27FC236}">
                <a16:creationId xmlns:a16="http://schemas.microsoft.com/office/drawing/2014/main" id="{F9EEA9FA-9BB7-41BF-90E2-21352DC5B34E}"/>
              </a:ext>
            </a:extLst>
          </p:cNvPr>
          <p:cNvSpPr txBox="1"/>
          <p:nvPr/>
        </p:nvSpPr>
        <p:spPr>
          <a:xfrm>
            <a:off x="2018896" y="5483045"/>
            <a:ext cx="1861887" cy="276999"/>
          </a:xfrm>
          <a:prstGeom prst="rect">
            <a:avLst/>
          </a:prstGeom>
          <a:noFill/>
        </p:spPr>
        <p:txBody>
          <a:bodyPr wrap="square" rtlCol="0">
            <a:spAutoFit/>
          </a:bodyPr>
          <a:lstStyle>
            <a:defPPr>
              <a:defRPr lang="en-US"/>
            </a:defPPr>
            <a:lvl1pPr>
              <a:defRPr sz="1200"/>
            </a:lvl1pPr>
          </a:lstStyle>
          <a:p>
            <a:r>
              <a:rPr lang="en-SG" dirty="0"/>
              <a:t>Cholesterol</a:t>
            </a:r>
          </a:p>
        </p:txBody>
      </p:sp>
    </p:spTree>
    <p:extLst>
      <p:ext uri="{BB962C8B-B14F-4D97-AF65-F5344CB8AC3E}">
        <p14:creationId xmlns:p14="http://schemas.microsoft.com/office/powerpoint/2010/main" val="34163222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4" grpId="0" animBg="1"/>
      <p:bldP spid="15" grpId="0" animBg="1"/>
      <p:bldP spid="17" grpId="0" animBg="1"/>
      <p:bldP spid="18"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CFBF534-8027-42D1-B420-30C3E40A0281}"/>
              </a:ext>
            </a:extLst>
          </p:cNvPr>
          <p:cNvGraphicFramePr>
            <a:graphicFrameLocks noGrp="1"/>
          </p:cNvGraphicFramePr>
          <p:nvPr>
            <p:ph idx="1"/>
            <p:extLst>
              <p:ext uri="{D42A27DB-BD31-4B8C-83A1-F6EECF244321}">
                <p14:modId xmlns:p14="http://schemas.microsoft.com/office/powerpoint/2010/main" val="1691041393"/>
              </p:ext>
            </p:extLst>
          </p:nvPr>
        </p:nvGraphicFramePr>
        <p:xfrm>
          <a:off x="628649" y="968829"/>
          <a:ext cx="7886700" cy="4394200"/>
        </p:xfrm>
        <a:graphic>
          <a:graphicData uri="http://schemas.openxmlformats.org/drawingml/2006/table">
            <a:tbl>
              <a:tblPr firstRow="1" bandRow="1">
                <a:tableStyleId>{0505E3EF-67EA-436B-97B2-0124C06EBD24}</a:tableStyleId>
              </a:tblPr>
              <a:tblGrid>
                <a:gridCol w="764721">
                  <a:extLst>
                    <a:ext uri="{9D8B030D-6E8A-4147-A177-3AD203B41FA5}">
                      <a16:colId xmlns:a16="http://schemas.microsoft.com/office/drawing/2014/main" val="2733882383"/>
                    </a:ext>
                  </a:extLst>
                </a:gridCol>
                <a:gridCol w="5747659">
                  <a:extLst>
                    <a:ext uri="{9D8B030D-6E8A-4147-A177-3AD203B41FA5}">
                      <a16:colId xmlns:a16="http://schemas.microsoft.com/office/drawing/2014/main" val="3511971651"/>
                    </a:ext>
                  </a:extLst>
                </a:gridCol>
                <a:gridCol w="1374320">
                  <a:extLst>
                    <a:ext uri="{9D8B030D-6E8A-4147-A177-3AD203B41FA5}">
                      <a16:colId xmlns:a16="http://schemas.microsoft.com/office/drawing/2014/main" val="131806412"/>
                    </a:ext>
                  </a:extLst>
                </a:gridCol>
              </a:tblGrid>
              <a:tr h="370840">
                <a:tc>
                  <a:txBody>
                    <a:bodyPr/>
                    <a:lstStyle/>
                    <a:p>
                      <a:r>
                        <a:rPr lang="en-SG" dirty="0"/>
                        <a:t>YEAR</a:t>
                      </a:r>
                    </a:p>
                  </a:txBody>
                  <a:tcPr/>
                </a:tc>
                <a:tc>
                  <a:txBody>
                    <a:bodyPr/>
                    <a:lstStyle/>
                    <a:p>
                      <a:r>
                        <a:rPr lang="en-SG" dirty="0"/>
                        <a:t>FINDING</a:t>
                      </a:r>
                    </a:p>
                  </a:txBody>
                  <a:tcPr/>
                </a:tc>
                <a:tc>
                  <a:txBody>
                    <a:bodyPr/>
                    <a:lstStyle/>
                    <a:p>
                      <a:r>
                        <a:rPr lang="en-SG" dirty="0"/>
                        <a:t>Ref</a:t>
                      </a:r>
                    </a:p>
                  </a:txBody>
                  <a:tcPr/>
                </a:tc>
                <a:extLst>
                  <a:ext uri="{0D108BD9-81ED-4DB2-BD59-A6C34878D82A}">
                    <a16:rowId xmlns:a16="http://schemas.microsoft.com/office/drawing/2014/main" val="2973473273"/>
                  </a:ext>
                </a:extLst>
              </a:tr>
              <a:tr h="370840">
                <a:tc>
                  <a:txBody>
                    <a:bodyPr/>
                    <a:lstStyle/>
                    <a:p>
                      <a:r>
                        <a:rPr lang="en-SG" dirty="0"/>
                        <a:t>2000</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800" b="0" kern="1200" dirty="0">
                          <a:solidFill>
                            <a:schemeClr val="dk1"/>
                          </a:solidFill>
                          <a:latin typeface="+mn-lt"/>
                          <a:ea typeface="+mn-ea"/>
                          <a:cs typeface="+mn-cs"/>
                        </a:rPr>
                        <a:t>Cholesterol needed for MTB to infect macrophages, </a:t>
                      </a:r>
                    </a:p>
                    <a:p>
                      <a:pPr marL="0" marR="0" lvl="0" indent="0" algn="l" defTabSz="914400" rtl="0" eaLnBrk="1" fontAlgn="auto" latinLnBrk="0" hangingPunct="1">
                        <a:lnSpc>
                          <a:spcPct val="100000"/>
                        </a:lnSpc>
                        <a:spcBef>
                          <a:spcPts val="0"/>
                        </a:spcBef>
                        <a:spcAft>
                          <a:spcPts val="0"/>
                        </a:spcAft>
                        <a:buClrTx/>
                        <a:buSzTx/>
                        <a:buFontTx/>
                        <a:buNone/>
                        <a:tabLst/>
                        <a:defRPr/>
                      </a:pPr>
                      <a:r>
                        <a:rPr lang="en-SG" sz="1800" b="0" kern="1200" dirty="0">
                          <a:solidFill>
                            <a:schemeClr val="dk1"/>
                          </a:solidFill>
                          <a:latin typeface="+mn-lt"/>
                          <a:ea typeface="+mn-ea"/>
                          <a:cs typeface="+mn-cs"/>
                        </a:rPr>
                        <a:t>Reduce cholesterol = limit entry</a:t>
                      </a:r>
                    </a:p>
                    <a:p>
                      <a:pPr marL="0" marR="0" lvl="0" indent="0" algn="l" defTabSz="914400" rtl="0" eaLnBrk="1" fontAlgn="auto" latinLnBrk="0" hangingPunct="1">
                        <a:lnSpc>
                          <a:spcPct val="100000"/>
                        </a:lnSpc>
                        <a:spcBef>
                          <a:spcPts val="0"/>
                        </a:spcBef>
                        <a:spcAft>
                          <a:spcPts val="0"/>
                        </a:spcAft>
                        <a:buClrTx/>
                        <a:buSzTx/>
                        <a:buFontTx/>
                        <a:buNone/>
                        <a:tabLst/>
                        <a:defRPr/>
                      </a:pPr>
                      <a:r>
                        <a:rPr lang="en-SG" sz="1800" b="0" kern="1200" dirty="0">
                          <a:solidFill>
                            <a:schemeClr val="dk1"/>
                          </a:solidFill>
                          <a:latin typeface="+mn-lt"/>
                          <a:ea typeface="+mn-ea"/>
                          <a:cs typeface="+mn-cs"/>
                        </a:rPr>
                        <a:t>TACO protein associated with phagosome membrane in a cholesterol dependent manner</a:t>
                      </a:r>
                    </a:p>
                  </a:txBody>
                  <a:tcPr/>
                </a:tc>
                <a:tc>
                  <a:txBody>
                    <a:bodyPr/>
                    <a:lstStyle/>
                    <a:p>
                      <a:r>
                        <a:rPr lang="en-SG" sz="1600" dirty="0" err="1"/>
                        <a:t>Gatfield</a:t>
                      </a:r>
                      <a:r>
                        <a:rPr lang="en-SG" sz="1600" dirty="0"/>
                        <a:t> and </a:t>
                      </a:r>
                      <a:r>
                        <a:rPr lang="en-SG" sz="1600" dirty="0" err="1"/>
                        <a:t>Peiters</a:t>
                      </a:r>
                      <a:endParaRPr lang="en-SG" sz="1600" dirty="0"/>
                    </a:p>
                  </a:txBody>
                  <a:tcPr/>
                </a:tc>
                <a:extLst>
                  <a:ext uri="{0D108BD9-81ED-4DB2-BD59-A6C34878D82A}">
                    <a16:rowId xmlns:a16="http://schemas.microsoft.com/office/drawing/2014/main" val="204582873"/>
                  </a:ext>
                </a:extLst>
              </a:tr>
              <a:tr h="370840">
                <a:tc>
                  <a:txBody>
                    <a:bodyPr/>
                    <a:lstStyle/>
                    <a:p>
                      <a:r>
                        <a:rPr lang="en-SG" dirty="0"/>
                        <a:t>2005</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800" b="0" kern="1200" dirty="0">
                          <a:solidFill>
                            <a:schemeClr val="dk1"/>
                          </a:solidFill>
                          <a:latin typeface="+mn-lt"/>
                          <a:ea typeface="+mn-ea"/>
                          <a:cs typeface="+mn-cs"/>
                        </a:rPr>
                        <a:t>Depletion of cholesterol from M. avium infected macrophages enabled </a:t>
                      </a:r>
                      <a:r>
                        <a:rPr lang="en-SG" sz="1800" b="0" kern="1200" dirty="0" err="1">
                          <a:solidFill>
                            <a:schemeClr val="dk1"/>
                          </a:solidFill>
                          <a:latin typeface="+mn-lt"/>
                          <a:ea typeface="+mn-ea"/>
                          <a:cs typeface="+mn-cs"/>
                        </a:rPr>
                        <a:t>phagolysosomal</a:t>
                      </a:r>
                      <a:r>
                        <a:rPr lang="en-SG" sz="1800" b="0" kern="1200" dirty="0">
                          <a:solidFill>
                            <a:schemeClr val="dk1"/>
                          </a:solidFill>
                          <a:latin typeface="+mn-lt"/>
                          <a:ea typeface="+mn-ea"/>
                          <a:cs typeface="+mn-cs"/>
                        </a:rPr>
                        <a:t> fusion</a:t>
                      </a:r>
                    </a:p>
                  </a:txBody>
                  <a:tcPr/>
                </a:tc>
                <a:tc>
                  <a:txBody>
                    <a:bodyPr/>
                    <a:lstStyle/>
                    <a:p>
                      <a:r>
                        <a:rPr lang="en-SG" sz="1600" dirty="0"/>
                        <a:t>de </a:t>
                      </a:r>
                      <a:r>
                        <a:rPr lang="en-SG" sz="1600" dirty="0" err="1"/>
                        <a:t>Chastellier</a:t>
                      </a:r>
                      <a:r>
                        <a:rPr lang="en-SG" sz="1600" dirty="0"/>
                        <a:t> and </a:t>
                      </a:r>
                      <a:r>
                        <a:rPr lang="en-SG" sz="1600" dirty="0" err="1"/>
                        <a:t>Thilo</a:t>
                      </a:r>
                      <a:endParaRPr lang="en-SG" sz="1600" dirty="0"/>
                    </a:p>
                  </a:txBody>
                  <a:tcPr/>
                </a:tc>
                <a:extLst>
                  <a:ext uri="{0D108BD9-81ED-4DB2-BD59-A6C34878D82A}">
                    <a16:rowId xmlns:a16="http://schemas.microsoft.com/office/drawing/2014/main" val="3966019129"/>
                  </a:ext>
                </a:extLst>
              </a:tr>
              <a:tr h="370840">
                <a:tc>
                  <a:txBody>
                    <a:bodyPr/>
                    <a:lstStyle/>
                    <a:p>
                      <a:pPr marL="0" algn="l" defTabSz="914400" rtl="0" eaLnBrk="1" latinLnBrk="0" hangingPunct="1"/>
                      <a:r>
                        <a:rPr lang="en-SG" sz="1800" kern="1200" dirty="0">
                          <a:solidFill>
                            <a:schemeClr val="dk1"/>
                          </a:solidFill>
                          <a:latin typeface="+mn-lt"/>
                          <a:ea typeface="+mn-ea"/>
                          <a:cs typeface="+mn-cs"/>
                        </a:rPr>
                        <a:t>2007</a:t>
                      </a:r>
                    </a:p>
                  </a:txBody>
                  <a:tcPr/>
                </a:tc>
                <a:tc>
                  <a:txBody>
                    <a:bodyPr/>
                    <a:lstStyle/>
                    <a:p>
                      <a:pPr marL="0" algn="l" defTabSz="914400" rtl="0" eaLnBrk="1" latinLnBrk="0" hangingPunct="1"/>
                      <a:r>
                        <a:rPr lang="en-SG" sz="1800" kern="1200" dirty="0">
                          <a:solidFill>
                            <a:schemeClr val="dk1"/>
                          </a:solidFill>
                          <a:latin typeface="+mn-lt"/>
                          <a:ea typeface="+mn-ea"/>
                          <a:cs typeface="+mn-cs"/>
                        </a:rPr>
                        <a:t>Genes encoding cholesterol catabolism are turned on,  enabling MTB to survive in macrophages</a:t>
                      </a:r>
                    </a:p>
                  </a:txBody>
                  <a:tcPr/>
                </a:tc>
                <a:tc>
                  <a:txBody>
                    <a:bodyPr/>
                    <a:lstStyle/>
                    <a:p>
                      <a:pPr marL="0" algn="l" defTabSz="914400" rtl="0" eaLnBrk="1" latinLnBrk="0" hangingPunct="1"/>
                      <a:r>
                        <a:rPr lang="en-SG" sz="1600" kern="1200" dirty="0">
                          <a:solidFill>
                            <a:schemeClr val="dk1"/>
                          </a:solidFill>
                          <a:latin typeface="+mn-lt"/>
                          <a:ea typeface="+mn-ea"/>
                          <a:cs typeface="+mn-cs"/>
                        </a:rPr>
                        <a:t>Van der </a:t>
                      </a:r>
                      <a:r>
                        <a:rPr lang="en-SG" sz="1600" kern="1200" dirty="0" err="1">
                          <a:solidFill>
                            <a:schemeClr val="dk1"/>
                          </a:solidFill>
                          <a:latin typeface="+mn-lt"/>
                          <a:ea typeface="+mn-ea"/>
                          <a:cs typeface="+mn-cs"/>
                        </a:rPr>
                        <a:t>Geize</a:t>
                      </a:r>
                      <a:endParaRPr lang="en-SG" sz="1600" kern="1200" dirty="0">
                        <a:solidFill>
                          <a:schemeClr val="dk1"/>
                        </a:solidFill>
                        <a:latin typeface="+mn-lt"/>
                        <a:ea typeface="+mn-ea"/>
                        <a:cs typeface="+mn-cs"/>
                      </a:endParaRPr>
                    </a:p>
                  </a:txBody>
                  <a:tcPr/>
                </a:tc>
                <a:extLst>
                  <a:ext uri="{0D108BD9-81ED-4DB2-BD59-A6C34878D82A}">
                    <a16:rowId xmlns:a16="http://schemas.microsoft.com/office/drawing/2014/main" val="1961731569"/>
                  </a:ext>
                </a:extLst>
              </a:tr>
              <a:tr h="370840">
                <a:tc>
                  <a:txBody>
                    <a:bodyPr/>
                    <a:lstStyle/>
                    <a:p>
                      <a:pPr marL="0" algn="l" defTabSz="914400" rtl="0" eaLnBrk="1" latinLnBrk="0" hangingPunct="1"/>
                      <a:r>
                        <a:rPr lang="en-SG" sz="1800" kern="1200" dirty="0">
                          <a:solidFill>
                            <a:schemeClr val="dk1"/>
                          </a:solidFill>
                          <a:latin typeface="+mn-lt"/>
                          <a:ea typeface="+mn-ea"/>
                          <a:cs typeface="+mn-cs"/>
                        </a:rPr>
                        <a:t>2008</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SG" sz="1800" kern="1200" dirty="0">
                          <a:solidFill>
                            <a:schemeClr val="dk1"/>
                          </a:solidFill>
                          <a:latin typeface="+mn-lt"/>
                          <a:ea typeface="+mn-ea"/>
                          <a:cs typeface="+mn-cs"/>
                        </a:rPr>
                        <a:t>Mce4 operon needed to import cholesterol into </a:t>
                      </a:r>
                      <a:r>
                        <a:rPr lang="en-SG" sz="1800" kern="1200" dirty="0" err="1">
                          <a:solidFill>
                            <a:schemeClr val="dk1"/>
                          </a:solidFill>
                          <a:latin typeface="+mn-lt"/>
                          <a:ea typeface="+mn-ea"/>
                          <a:cs typeface="+mn-cs"/>
                        </a:rPr>
                        <a:t>Mtb</a:t>
                      </a:r>
                      <a:endParaRPr lang="en-SG" sz="1800" kern="1200" dirty="0">
                        <a:solidFill>
                          <a:schemeClr val="dk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SG" sz="1800" kern="1200" dirty="0" err="1">
                          <a:solidFill>
                            <a:schemeClr val="dk1"/>
                          </a:solidFill>
                          <a:latin typeface="+mn-lt"/>
                          <a:ea typeface="+mn-ea"/>
                          <a:cs typeface="+mn-cs"/>
                        </a:rPr>
                        <a:t>Mtb</a:t>
                      </a:r>
                      <a:r>
                        <a:rPr lang="en-SG" sz="1800" kern="1200" dirty="0">
                          <a:solidFill>
                            <a:schemeClr val="dk1"/>
                          </a:solidFill>
                          <a:latin typeface="+mn-lt"/>
                          <a:ea typeface="+mn-ea"/>
                          <a:cs typeface="+mn-cs"/>
                        </a:rPr>
                        <a:t> degrade sterol rings and the side chain of cholesterol to be used for energy, carbon and for virulence factors</a:t>
                      </a:r>
                    </a:p>
                  </a:txBody>
                  <a:tcPr/>
                </a:tc>
                <a:tc>
                  <a:txBody>
                    <a:bodyPr/>
                    <a:lstStyle/>
                    <a:p>
                      <a:pPr marL="0" algn="l" defTabSz="914400" rtl="0" eaLnBrk="1" latinLnBrk="0" hangingPunct="1"/>
                      <a:r>
                        <a:rPr lang="en-SG" sz="1600" kern="1200" dirty="0">
                          <a:solidFill>
                            <a:schemeClr val="dk1"/>
                          </a:solidFill>
                          <a:latin typeface="+mn-lt"/>
                          <a:ea typeface="+mn-ea"/>
                          <a:cs typeface="+mn-cs"/>
                        </a:rPr>
                        <a:t>Pandey</a:t>
                      </a:r>
                    </a:p>
                  </a:txBody>
                  <a:tcPr/>
                </a:tc>
                <a:extLst>
                  <a:ext uri="{0D108BD9-81ED-4DB2-BD59-A6C34878D82A}">
                    <a16:rowId xmlns:a16="http://schemas.microsoft.com/office/drawing/2014/main" val="2833318744"/>
                  </a:ext>
                </a:extLst>
              </a:tr>
              <a:tr h="370840">
                <a:tc>
                  <a:txBody>
                    <a:bodyPr/>
                    <a:lstStyle/>
                    <a:p>
                      <a:pPr marL="0" algn="l" defTabSz="914400" rtl="0" eaLnBrk="1" latinLnBrk="0" hangingPunct="1"/>
                      <a:r>
                        <a:rPr lang="en-SG" sz="1800" kern="1200" dirty="0">
                          <a:solidFill>
                            <a:schemeClr val="dk1"/>
                          </a:solidFill>
                          <a:latin typeface="+mn-lt"/>
                          <a:ea typeface="+mn-ea"/>
                          <a:cs typeface="+mn-cs"/>
                        </a:rPr>
                        <a:t>2008</a:t>
                      </a:r>
                    </a:p>
                  </a:txBody>
                  <a:tcPr/>
                </a:tc>
                <a:tc>
                  <a:txBody>
                    <a:bodyPr/>
                    <a:lstStyle/>
                    <a:p>
                      <a:pPr marL="0" algn="l" defTabSz="914400" rtl="0" eaLnBrk="1" latinLnBrk="0" hangingPunct="1"/>
                      <a:r>
                        <a:rPr lang="en-SG" sz="1800" kern="1200" dirty="0">
                          <a:solidFill>
                            <a:schemeClr val="dk1"/>
                          </a:solidFill>
                          <a:latin typeface="+mn-lt"/>
                          <a:ea typeface="+mn-ea"/>
                          <a:cs typeface="+mn-cs"/>
                        </a:rPr>
                        <a:t>Mycolic acid triggers differentiation of macrophages into foamy phenotype (large number of lipid filled bodies)</a:t>
                      </a:r>
                    </a:p>
                  </a:txBody>
                  <a:tcPr/>
                </a:tc>
                <a:tc>
                  <a:txBody>
                    <a:bodyPr/>
                    <a:lstStyle/>
                    <a:p>
                      <a:pPr marL="0" algn="l" defTabSz="914400" rtl="0" eaLnBrk="1" latinLnBrk="0" hangingPunct="1"/>
                      <a:r>
                        <a:rPr lang="en-SG" sz="1600" kern="1200" dirty="0" err="1">
                          <a:solidFill>
                            <a:schemeClr val="dk1"/>
                          </a:solidFill>
                          <a:latin typeface="+mn-lt"/>
                          <a:ea typeface="+mn-ea"/>
                          <a:cs typeface="+mn-cs"/>
                        </a:rPr>
                        <a:t>Peyron</a:t>
                      </a:r>
                      <a:endParaRPr lang="en-SG" sz="1600" kern="1200" dirty="0">
                        <a:solidFill>
                          <a:schemeClr val="dk1"/>
                        </a:solidFill>
                        <a:latin typeface="+mn-lt"/>
                        <a:ea typeface="+mn-ea"/>
                        <a:cs typeface="+mn-cs"/>
                      </a:endParaRPr>
                    </a:p>
                  </a:txBody>
                  <a:tcPr/>
                </a:tc>
                <a:extLst>
                  <a:ext uri="{0D108BD9-81ED-4DB2-BD59-A6C34878D82A}">
                    <a16:rowId xmlns:a16="http://schemas.microsoft.com/office/drawing/2014/main" val="439994623"/>
                  </a:ext>
                </a:extLst>
              </a:tr>
            </a:tbl>
          </a:graphicData>
        </a:graphic>
      </p:graphicFrame>
      <p:sp>
        <p:nvSpPr>
          <p:cNvPr id="5" name="Title 4">
            <a:extLst>
              <a:ext uri="{FF2B5EF4-FFF2-40B4-BE49-F238E27FC236}">
                <a16:creationId xmlns:a16="http://schemas.microsoft.com/office/drawing/2014/main" id="{11E4A2AF-7582-4A25-84A2-115DE7048109}"/>
              </a:ext>
            </a:extLst>
          </p:cNvPr>
          <p:cNvSpPr>
            <a:spLocks noGrp="1"/>
          </p:cNvSpPr>
          <p:nvPr>
            <p:ph type="title"/>
          </p:nvPr>
        </p:nvSpPr>
        <p:spPr>
          <a:xfrm>
            <a:off x="628649" y="365126"/>
            <a:ext cx="8406493" cy="603703"/>
          </a:xfrm>
        </p:spPr>
        <p:txBody>
          <a:bodyPr>
            <a:normAutofit/>
          </a:bodyPr>
          <a:lstStyle/>
          <a:p>
            <a:r>
              <a:rPr lang="en-SG" sz="3200" dirty="0"/>
              <a:t>Timeline: Cholesterol, Statins and TB</a:t>
            </a:r>
          </a:p>
        </p:txBody>
      </p:sp>
    </p:spTree>
    <p:extLst>
      <p:ext uri="{BB962C8B-B14F-4D97-AF65-F5344CB8AC3E}">
        <p14:creationId xmlns:p14="http://schemas.microsoft.com/office/powerpoint/2010/main" val="40404123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Mx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yLCJUb2RheU1hcmtlclBvc2l0aW9uIjozLCJRdWlja1Bvc2l0aW9uIjozLCJBYnNvbHV0ZVBvc2l0aW9uIjoxMTAuODk2My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SwiU2hhcGVUaGlja25lc3MiOjA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A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MS0xOFQyMzo1OTowMFo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0IiwiVG9wIjowLCJMZWZ0IjowLCJSaWdodCI6MCwiQm90dG9tIjowfSwiUGFkZGluZyI6eyIkaWQiOiIxOTUiLCJUb3AiOjAsIkxlZnQiOjAsIlJpZ2h0IjowLCJCb3R0b20iOjB9LCJCYWNrZ3JvdW5kIjp7IiRpZCI6IjE5NiIsIkNvbG9yIjp7IiRpZCI6IjE5NyIsIkEiOjAsIlIiOjI1NSwiRyI6MjU1LCJCIjoyNTV9fSwiSXNWaXNpYmxlIjp0cnVlLCJXaWR0aCI6MC4wLCJIZWlnaHQiOjAuMCwiQm9yZGVyU3R5bGUiOnsiJGlkIjoiMTk4IiwiTGluZUNvbG9yIjpudWxsLCJMaW5lV2VpZ2h0IjowLjAsIkxpbmVUeXBlIjowLCJQYXJlbnRTdHlsZSI6bnVsbH0sIlBhcmVudFN0eWxlIjpudWxsfSwiRGF0ZUZvcm1hdCI6eyIkaWQiOiIx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jIxIiwiQ29sb3IiOnsiJGlkIjoiMjIyIiwiQSI6MCwiUiI6MjU1LCJHIjoyNTUsIkIiOjI1NX19LCJJc1Zpc2libGUiOnRydWUsIldpZHRoIjowLjAsIkhlaWdodCI6MC4wLCJCb3JkZXJTdHlsZSI6eyIkaWQiOiIyMjMiLCJMaW5lQ29sb3IiOm51bGwsIkxpbmVXZWlnaHQiOjAuMCwiTGluZVR5cGUiOjAsIlBhcmVudFN0eWxlIjpudWxsfSwiUGFyZW50U3R5bGUiOm51bGx9LCJEYXRlRm9ybWF0Ijp7IiRpZCI6IjI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zOSIsIkNvbG9yIjp7IiRpZCI6IjI0MCIsIkEiOjAsIlIiOjI1NSwiRyI6MjU1LCJCIjoyNTV9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MTAsIkZvbnROYW1lIjoiQ2FsaWJyaSIsIklzQm9sZCI6ZmFsc2UsIklzSXRhbGljIjpmYWxzZSwiSXNVbmRlcmxpbmVkIjpmYWxzZSwiUGFyZW50U3R5bGUiOm51bGx9LCJBdXRvU2l6ZSI6MCwiRm9yZWdyb3VuZCI6eyIkaWQiOiIyNDQiLCJDb2xvciI6eyIkaWQiOiIy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0NiIsIkNvbG9yIjp7IiRpZCI6IjI0NyIsIkEiOjAsIlIiOjI1NSwiRyI6MjU1LCJCIjoyNTV9fSwiSXNWaXNpYmxlIjp0cnVlLCJXaWR0aCI6MC4wLCJIZWlnaHQiOjAuMCwiQm9yZGVyU3R5bGUiOnsiJGlkIjoiMjQ4IiwiTGluZUNvbG9yIjpudWxsLCJMaW5lV2VpZ2h0IjowLjAsIkxpbmVUeXBlIjowLCJQYXJlbnRTdHlsZSI6bnVsbH0sIlBhcmVudFN0eWxlIjpudWxsfSwiRGF0ZUZvcm1hdCI6eyIkaWQiOiIy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MjcyIiwiX2F0dGFjaGVkTWlsZXN0b25lcyI6W10sIlRhc2tEZWZpbml0aW9uIjp7IiRpZCI6IjI3MyIsIkdyb3VwTmFtZSI6bnVsbCwiU3RhcnREYXRlIjoiMjAyMC0wMy0yN1QwMDowMDowMFoiLCJFbmREYXRlIjoiMjAyMC0wNi0xOVQyMzo1OTowMFoiLCJQZXJjZW50YWdlQ29tcGxldGUiOm51bGwsIlN0eWxlIjp7IiRpZCI6IjI3NCIsIlNoYXBlIjo2LCJTaGFwZVRoaWNrbmVzcyI6MCwiRHVyYXRpb25Gb3JtYXQiOjAsIkluY2x1ZGVOb25Xb3JraW5nRGF5c0luRHVyYXRpb24iOmZhbHNlLCJQZXJjZW50YWdlQ29tcGxldGVTdHlsZSI6eyIkaWQiOiIyNzUiLCJGb250U2V0dGluZ3MiOnsiJGlkIjoiMjc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zciLCJMaW5lQ29sb3IiOm51bGwsIkxpbmVXZWlnaHQiOjAuMCwiTGluZVR5cGUiOjAsIlBhcmVudFN0eWxlIjpudWxsfSwiUGFyZW50U3R5bGUiOm51bGx9LCJEdXJhdGlvblN0eWxlIjp7IiRpZCI6IjI3OCIsIkZvbnRTZXR0aW5ncyI6eyIkaWQiOiIyNz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5In0sIkxpbmVXZWlnaHQiOjEuMCwiTGluZVR5cGUiOjAsIlBhcmVudFN0eWxlIjpudWxsfSwiVmVydGljYWxDb25uZWN0b3JTdHlsZSI6eyIkaWQiOiIyODI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4MyIsIk1hcmdpbiI6eyIkcmVmIjoiMTA1In0sIlBhZGRpbmciOnsiJHJlZiI6IjEwNiJ9LCJCYWNrZ3JvdW5kIjp7IiRpZCI6IjI4NCIsIkNvbG9yIjp7IiRpZCI6IjI4NSIsIkEiOjI1NSwiUiI6MTExLCJHIjo0OSwiQiI6MTUyfX0sIklzVmlzaWJsZSI6dHJ1ZSwiV2lkdGgiOjAuMCwiSGVpZ2h0IjoxMC4wLCJCb3JkZXJTdHlsZSI6eyIkaWQiOiIyODYiLCJMaW5lQ29sb3IiOnsiJGlkIjoiMjg3IiwiJHR5cGUiOiJOTFJFLkNvbW1vbi5Eb20uU29saWRDb2xvckJydXNoLCBOTFJFLkNvbW1vbiIsIkNvbG9yIjp7IiRpZCI6IjI4OCIsIkEiOjI1NSwiUiI6MjU1LCJHIjowLCJCIjowfX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pZCI6IjI5MSIsIkNvbG9yIjp7IiRpZCI6IjI5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MzAwIiwiQ29sb3IiOnsiJGlkIjoiMzAxIiwiQSI6MCwiUiI6MjU1LCJHIjoyNTUsIkIiOjI1NX19LCJJc1Zpc2libGUiOnRydWUsIldpZHRoIjowLjAsIkhlaWdodCI6MC4wLCJCb3JkZXJTdHlsZSI6eyIkaWQiOiIzMDIiLCJMaW5lQ29sb3IiOm51bGwsIkxpbmVXZWlnaHQiOjAuMCwiTGluZVR5cGUiOjAsIlBhcmVudFN0eWxlIjpudWxsfSwiUGFyZW50U3R5bGUiOm51bGx9LCJEYXRlRm9ybWF0Ijp7IiRpZCI6IjM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zEyIiwiVG9wIjowLCJMZWZ0IjowLCJSaWdodCI6MCwiQm90dG9tIjowfSwiUGFkZGluZyI6eyIkaWQiOiIzMTMiLCJUb3AiOjAsIkxlZnQiOjAsIlJpZ2h0IjowLCJCb3R0b20iOjB9LCJCYWNrZ3JvdW5kIjp7IiRpZCI6IjMxNCIsIkNvbG9yIjp7IiRpZCI6IjMxNSIsIkEiOjg5LCJSIjowLCJHIjowLCJCIjowfX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pZCI6IjMxOSIsIkNvbG9yIjp7IiRpZCI6IjM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1MiIsIlRvcCI6MCwiTGVmdCI6MCwiUmlnaHQiOjAsIkJvdHRvbSI6MH0sIlBhZGRpbmciOnsiJGlkIjoiMzUzIiwiVG9wIjowLCJMZWZ0IjowLCJSaWdodCI6MCwiQm90dG9tIjowfSwiQmFja2dyb3VuZCI6eyIkaWQiOiIzNTQiLCJDb2xvciI6eyIkaWQiOiIzNTUiLCJBIjowLCJSIjoyNTUsIkciOjI1NSwiQiI6MjU1fX0sIklzVmlzaWJsZSI6dHJ1ZSwiV2lkdGgiOjAuMCwiSGVpZ2h0IjowLjAsIkJvcmRlclN0eWxlIjp7IiRpZCI6IjM1NiIsIkxpbmVDb2xvciI6bnVsbCwiTGluZVdlaWdodCI6MC4wLCJMaW5lVHlwZSI6MCwiUGFyZW50U3R5bGUiOm51bGx9LCJQYXJlbnRTdHlsZSI6bnVsbH0sIkRhdGVGb3JtYXQiOnsiJGlkIjoiM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2NiIsIlRvcCI6MCwiTGVmdCI6MCwiUmlnaHQiOjAsIkJvdHRvbSI6MH0sIlBhZGRpbmciOnsiJGlkIjoiMzY3IiwiVG9wIjowLCJMZWZ0IjowLCJSaWdodCI6MCwiQm90dG9tIjowfSwiQmFja2dyb3VuZCI6eyIkaWQiOiIzNjgiLCJDb2xvciI6eyIkaWQiOiIzNjkiLCJBIjo4OSwiUiI6MCwiRyI6MCwiQiI6MH19LCJJc1Zpc2libGUiOnRydWUsIldpZHRoIjowLjAsIkhlaWdodCI6MC4wLCJCb3JkZXJTdHlsZSI6eyIkaWQiOiIzNzAiLCJMaW5lQ29sb3IiOm51bGwsIkxpbmVXZWlnaHQiOjAuMCwiTGluZVR5cGUiOjAsIlBhcmVudFN0eWxlIjpudWxsfSwiUGFyZW50U3R5bGUiOm51bGx9LCJEdXJhdGlvbl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4NSIsIk1hcmdpbiI6eyIkaWQiOiIzODYiLCJUb3AiOjAsIkxlZnQiOjQsIlJpZ2h0Ijo0LCJCb3R0b20iOjB9LCJQYWRkaW5nIjp7IiRpZCI6IjM4NyIsIlRvcCI6MCwiTGVmdCI6MCwiUmlnaHQiOjAsIkJvdHRvbSI6MH0sIkJhY2tncm91bmQiOnsiJGlkIjoiMzg4IiwiQ29sb3IiOnsiJGlkIjoiMzg5IiwiQSI6MjU1LCJSIjowLCJHIjoxMTQsIkIiOjE4OH19LCJJc1Zpc2libGUiOnRydWUsIldpZHRoIjowLjAsIkhlaWdodCI6MTA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udWxsfSwiVGl0bGVTdHlsZSI6eyIkaWQiOiIzOTMiLCJGb250U2V0dGluZ3MiOnsiJGlkIjoiMzk0IiwiRm9udFNpemUiOjExLCJGb250TmFtZSI6IkNhbGlicmkiLCJJc0JvbGQiOnRydWUsIklzSXRhbGljIjpmYWxzZSwiSXNVbmRlcmxpbmVkIjpmYWxzZSwiUGFyZW50U3R5bGUiOm51bGx9LCJBdXRvU2l6ZSI6MCwiRm9yZWdyb3VuZCI6eyIkaWQiOiIzOTUiLCJDb2xvciI6eyIkaWQiOiIzO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NiIsIlRvcCI6MCwiTGVmdCI6MCwiUmlnaHQiOjAsIkJvdHRvbSI6MH0sIlBhZGRpbmciOnsiJGlkIjoiNDA3IiwiVG9wIjowLCJMZWZ0IjowLCJSaWdodCI6MCwiQm90dG9tIjo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DIyIiwiTWFyZ2luIjp7IiRyZWYiOiIxNDUifSwiUGFkZGluZyI6eyIkcmVmIjoiMTQ2In0sIkJhY2tncm91bmQiOnsiJGlkIjoiNDIzIiwiQ29sb3IiOnsiJGlkIjoiNDI0IiwiQSI6MTI3LCJSIjo2OCwiRyI6MTE0LCJCIjoxOTZ9fSwiSXNWaXNpYmxlIjpmYWxzZSwiV2lkdGgiOjAuMCwiSGVpZ2h0IjowLjAsIkJvcmRlclN0eWxlIjp7IiRpZCI6IjQyNSIsIkxpbmVDb2xvciI6eyIkaWQiOiI0MjYiLCIkdHlwZSI6Ik5MUkUuQ29tbW9uLkRvbS5Tb2xpZENvbG9yQnJ1c2gsIE5MUkUuQ29tbW9uIiwiQ29sb3IiOnsiJGlkIjoiNDI3IiwiQSI6MjU1LCJSIjoyMSwiRyI6MzcsIkIiOjY2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QyOCIsIk1hcmdpbiI6eyIkcmVmIjoiMTU1In0sIlBhZGRpbmciOnsiJHJlZiI6IjE1NiJ9LCJCYWNrZ3JvdW5kIjp7IiRpZCI6IjQyOSIsIkNvbG9yIjp7IiRpZCI6IjQzMCIsIkEiOjM4LCJSIjo2OCwiRyI6MTE0LCJCIjoxOTZ9fSwiSXNWaXNpYmxlIjp0cnVlLCJXaWR0aCI6MC4wLCJIZWlnaHQiOjAuMCwiQm9yZGVyU3R5bGUiOnsiJGlkIjoiNDMxIiwiTGluZUNvbG9yIjp7IiRpZCI6IjQzMiIsIiR0eXBlIjoiTkxSRS5Db21tb24uRG9tLlNvbGlkQ29sb3JCcnVzaCwgTkxSRS5Db21tb24iLCJDb2xvciI6eyIkaWQiOiI0MzMiLCJBIjoyNTUsIlIiOjIxLCJHIjozNywiQiI6NjZ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DM0IiwiX2F0dGFjaGVkTWlsZXN0b25lcyI6W10sIlRhc2tEZWZpbml0aW9uIjp7IiRpZCI6IjQzNSIsIkdyb3VwTmFtZSI6bnVsbCwiU3RhcnREYXRlIjoiMjAyMC0wMy0xOFQwMDowMDowMFoiLCJFbmREYXRlIjoiMjAyMC0wNS0wNVQyMzo1OTowMFoiLCJQZXJjZW50YWdlQ29tcGxldGUiOm51bGwsIlN0eWxlIjp7IiRpZCI6IjQzNiIsIlNoYXBlIjo2LCJTaGFwZVRoaWNrbmVzcyI6MCwiRHVyYXRpb25Gb3JtYXQiOjAsIkluY2x1ZGVOb25Xb3JraW5nRGF5c0luRHVyYXRpb24iOmZhbHNlLCJQZXJjZW50YWdlQ29tcGxldGVTdHlsZSI6eyIkaWQiOiI0MzciLCJGb250U2V0dGluZ3MiOnsiJGlkIjoiNDM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MzkiLCJMaW5lQ29sb3IiOm51bGwsIkxpbmVXZWlnaHQiOjAuMCwiTGluZVR5cGUiOjAsIlBhcmVudFN0eWxlIjpudWxsfSwiUGFyZW50U3R5bGUiOm51bGx9LCJEdXJhdGlvblN0eWxlIjp7IiRpZCI6IjQ0MCIsIkZvbnRTZXR0aW5ncyI6eyIkaWQiOiI0ND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HJlZiI6Ijk5In0sIkxpbmVXZWlnaHQiOjEuMCwiTGluZVR5cGUiOjAsIlBhcmVudFN0eWxlIjpudWxsfSwiVmVydGljYWxDb25uZWN0b3JTdHlsZSI6eyIkaWQiOiI0ND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cxIiwiTGluZUNvbG9yIjpudWxsLCJMaW5lV2VpZ2h0IjowLjAsIkxpbmVUeXBlIjowLCJQYXJlbnRTdHlsZSI6bnVsbH0sIlBhcmVudFN0eWxlIjpudWxsfSwiRHVyYXRpb25TdHlsZSI6eyIkaWQiOiI0NzIiLCJGb250U2V0dGluZ3MiOnsiJGlkIjoiNDc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NzQiLCJMaW5lQ29sb3IiOm51bGwsIkxpbmVXZWlnaHQiOjAuMCwiTGluZVR5cGUiOjAsIlBhcmVudFN0eWxlIjpudWxsfSwiUGFyZW50U3R5bGUiOm51bGx9LCJIb3Jpem9udGFsQ29ubmVjdG9yU3R5bGUiOnsiJGlkIjoiNDc1IiwiTGluZUNvbG9yIjp7IiRyZWYiOiI5OSJ9LCJMaW5lV2VpZ2h0IjoxLjAsIkxpbmVUeXBlIjowLCJQYXJlbnRTdHlsZSI6bnVsbH0sIlZlcnRpY2FsQ29ubmVjdG9yU3R5bGUiOnsiJGlkIjoiNDc2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U3R5bGUiOnsiJGlkIjoiNDg4IiwiRm9udFNldHRpbmdzIjp7IiRpZCI6IjQ4OSIsIkZvbnRTaXplIjoxMCwiRm9udE5hbWUiOiJDYWxpYnJpIiwiSXNCb2xkIjpmYWxzZSwiSXNJdGFsaWMiOmZhbHNlLCJJc1VuZGVybGluZWQiOmZhbHNlLCJQYXJlbnRTdHlsZSI6bnVsbH0sIkF1dG9TaXplIjowLCJGb3JlZ3JvdW5kIjp7IiRpZCI6IjQ5MCIsIkNvbG9yIjp7IiRpZCI6IjQ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wMyIsIkxpbmVDb2xvciI6bnVsbCwiTGluZVdlaWdodCI6MC4wLCJMaW5lVHlwZSI6MCwiUGFyZW50U3R5bGUiOm51bGx9LCJQYXJlbnRTdHlsZSI6bnVsbH0sIkR1cmF0aW9uU3R5bGUiOnsiJGlkIjoiNTA0IiwiRm9udFNldHRpbmdzIjp7IiRpZCI6IjUw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A2IiwiTGluZUNvbG9yIjpudWxsLCJMaW5lV2VpZ2h0IjowLjAsIkxpbmVUeXBlIjowLCJQYXJlbnRTdHlsZSI6bnVsbH0sIlBhcmVudFN0eWxlIjpudWxsfSwiSG9yaXpvbnRhbENvbm5lY3RvclN0eWxlIjp7IiRpZCI6IjUwNyIsIkxpbmVDb2xvciI6eyIkcmVmIjoiOTkifSwiTGluZVdlaWdodCI6MS4wLCJMaW5lVHlwZSI6MCwiUGFyZW50U3R5bGUiOm51bGx9LCJWZXJ0aWNhbENvbm5lY3RvclN0eWxlIjp7IiRpZCI6IjUw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udWxsfSwiRGF0ZVN0eWxlIjp7IiRpZCI6IjUyMCIsIkZvbnRTZXR0aW5ncyI6eyIkaWQiOiI1MjEiLCJGb250U2l6ZSI6MTAsIkZvbnROYW1lIjoiQ2FsaWJyaSIsIklzQm9sZCI6ZmFsc2UsIklzSXRhbGljIjpmYWxzZSwiSXNVbmRlcmxpbmVkIjpmYWxzZSwiUGFyZW50U3R5bGUiOm51bGx9LCJBdXRvU2l6ZSI6MCwiRm9yZWdyb3VuZCI6eyIkaWQiOiI1MjIiLCJDb2xvciI6eyIkaWQiOiI1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UzNSIsIkxpbmVDb2xvciI6bnVsbCwiTGluZVdlaWdodCI6MC4wLCJMaW5lVHlwZSI6MCwiUGFyZW50U3R5bGUiOm51bGx9LCJQYXJlbnRTdHlsZSI6bnVsbH0sIkR1cmF0aW9uU3R5bGUiOnsiJGlkIjoiNTM2IiwiRm9udFNldHRpbmdzIjp7IiRpZCI6IjUzN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OTkifSwiTGluZVdlaWdodCI6MS4wLCJMaW5lVHlwZSI6MCwiUGFyZW50U3R5bGUiOm51bGx9LCJWZXJ0aWNhbENvbm5lY3RvclN0eWxlIjp7IiRpZCI6IjU0M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udWxsfSwiRGF0ZUZvcm1hdCI6eyIkaWQiOiI1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NzAiLCJMaW5lQ29sb3IiOm51bGwsIkxpbmVXZWlnaHQiOjAuMCwiTGluZVR5cGUiOjAsIlBhcmVudFN0eWxlIjpudWxsfSwiUGFyZW50U3R5bGUiOm51bGx9LCJEdXJhdGlvblN0eWxlIjp7IiRpZCI6IjU3MSIsIkZvbnRTZXR0aW5ncyI6eyIkaWQiOiI1Nz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U3MyIsIkxpbmVDb2xvciI6bnVsbCwiTGluZVdlaWdodCI6MC4wLCJMaW5lVHlwZSI6MCwiUGFyZW50U3R5bGUiOm51bGx9LCJQYXJlbnRTdHlsZSI6bnVsbH0sIkhvcml6b250YWxDb25uZWN0b3JTdHlsZSI6eyIkaWQiOiI1NzQiLCJMaW5lQ29sb3IiOnsiJHJlZiI6Ijk5In0sIkxpbmVXZWlnaHQiOjEuMCwiTGluZVR5cGUiOjAsIlBhcmVudFN0eWxlIjpudWxsfSwiVmVydGljYWxDb25uZWN0b3JTdHlsZSI6eyIkaWQiOiI1NzU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c2IiwiTWFyZ2luIjp7IiRyZWYiOiIxMDUifSwiUGFkZGluZyI6eyIkcmVmIjoiMTA2In0sIkJhY2tncm91bmQiOnsiJGlkIjoiNTc3IiwiQ29sb3IiOnsiJGlkIjoiNTc4IiwiQSI6MjU1LCJSIjoyMzQsIkciOjIyLCJCIjozMH19LCJJc1Zpc2libGUiOnRydWUsIldpZHRoIjowLjAsIkhlaWdodCI6MTAuMCwiQm9yZGVyU3R5bGUiOnsiJGlkIjoiNTc5IiwiTGluZUNvbG9yIjp7IiRyZWYiOiIxMTAifSwiTGluZVdlaWdodCI6MC4wLCJMaW5lVHlwZSI6MCwiUGFyZW50U3R5bGUiOm51bGx9LCJQYXJlbnRTdHlsZSI6bnVsbH0sIlRpdGxlU3R5bGUiOnsiJGlkIjoiNTgwIiwiRm9udFNldHRpbmdzIjp7IiRpZCI6IjU4MS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TgyIiwiTGluZUNvbG9yIjpudWxsLCJMaW5lV2VpZ2h0IjowLjAsIkxpbmVUeXBlIjowLCJQYXJlbnRTdHlsZSI6bnVsbH0sIlBhcmVudFN0eWxlIjpudWxsfSwiRGF0ZVN0eWxlIjp7IiRpZCI6IjU4MyIsIkZvbnRTZXR0aW5ncyI6eyIkaWQiOiI1ODQ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OTkiLCJDb2xvciI6eyIkaWQiOiI2MDAiLCJBIjowLCJSIjoyNTUsIkciOjI1NSwiQiI6MjU1fX0sIklzVmlzaWJsZSI6dHJ1ZSwiV2lkdGgiOjAuMCwiSGVpZ2h0IjowLjAsIkJvcmRlclN0eWxlIjpudWxsLCJQYXJlbnRTdHlsZSI6bnVsbH0sIkRhdGVTdHlsZSI6eyIkaWQiOiI2MDEiLCJGb250U2V0dGluZ3MiOnsiJGlkIjoiNjAyIiwiRm9udFNpemUiOjEwLCJGb250TmFtZSI6IkNhbGlicmkiLCJJc0JvbGQiOmZhbHNlLCJJc0l0YWxpYyI6ZmFsc2UsIklzVW5kZXJsaW5lZCI6ZmFsc2UsIlBhcmVudFN0eWxlIjpudWxsfSwiQXV0b1NpemUiOjAsIkZvcmVncm91bmQiOnsiJGlkIjoiNjAzIiwiQ29sb3IiOnsiJGlkIjoiNjA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MDUiLCJDb2xvciI6eyIkaWQiOiI2MDYiLCJBIjowLCJSIjoyNTUsIkciOjI1NSwiQiI6MjU1fX0sIklzVmlzaWJsZSI6ZmFsc2UsIldpZHRoIjowLjAsIkhlaWdodCI6MC4wLCJCb3JkZXJTdHlsZSI6bnVsbCwiUGFyZW50U3R5bGUiOm51bGx9LCJEYXRlRm9ybWF0Ijp7IiRpZCI6IjY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YxNiIsIk1hcmdpbiI6eyIkcmVmIjoiMTQ1In0sIlBhZGRpbmciOnsiJHJlZiI6IjE0NiJ9LCJCYWNrZ3JvdW5kIjp7IiRpZCI6IjYxNyIsIkNvbG9yIjp7IiRpZCI6IjYxOCIsIkEiOjEyNywiUiI6MjM3LCJHIjoxMjUsIkIiOjQ5fX0sIklzVmlzaWJsZSI6ZmFsc2UsIldpZHRoIjowLjAsIkhlaWdodCI6MC4wLCJCb3JkZXJTdHlsZSI6eyIkaWQiOiI2MTkiLCJMaW5lQ29sb3IiOnsiJGlkIjoiNjIwIiwiJHR5cGUiOiJOTFJFLkNvbW1vbi5Eb20uU29saWRDb2xvckJydXNoLCBOTFJFLkNvbW1vbiIsIkNvbG9yIjp7IiRpZCI6IjYyMSIsIkEiOjI1NSwiUiI6ODgsIkciOjM5LCJCIjo3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YyMiIsIk1hcmdpbiI6eyIkcmVmIjoiMTU1In0sIlBhZGRpbmciOnsiJHJlZiI6IjE1NiJ9LCJCYWNrZ3JvdW5kIjp7IiRpZCI6IjYyMyIsIkNvbG9yIjp7IiRpZCI6IjYyNCIsIkEiOjM4LCJSIjoyMzcsIkciOjEyNSwiQiI6NDl9fSwiSXNWaXNpYmxlIjp0cnVlLCJXaWR0aCI6MC4wLCJIZWlnaHQiOjAuMCwiQm9yZGVyU3R5bGUiOnsiJGlkIjoiNjI1IiwiTGluZUNvbG9yIjp7IiRpZCI6IjYyNiIsIiR0eXBlIjoiTkxSRS5Db21tb24uRG9tLlNvbGlkQ29sb3JCcnVzaCwgTkxSRS5Db21tb24iLCJDb2xvciI6eyIkaWQiOiI2MjciLCJBIjoyNTUsIlIiOjg4LCJHIjozOSwiQiI6N3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2MjgiLCJfYXR0YWNoZWRNaWxlc3RvbmVzIjpbXSwiVGFza0RlZmluaXRpb24iOnsiJGlkIjoiNjI5IiwiR3JvdXBOYW1lIjpudWxsLCJTdGFydERhdGUiOiIyMDIwLTAyLTAxVDIzOjU5OjAwWiIsIkVuZERhdGUiOiIyMDIwLTA0LTIzVDIzOjU5OjAwWiIsIlBlcmNlbnRhZ2VDb21wbGV0ZSI6bnVsbCwiU3R5bGUiOnsiJGlkIjoiNjMwIiwiU2hhcGUiOjYsIlNoYXBlVGhpY2tuZXNzIjowLCJEdXJhdGlvbkZvcm1hdCI6MCwiSW5jbHVkZU5vbldvcmtpbmdEYXlzSW5EdXJhdGlvbiI6ZmFsc2UsIlBlcmNlbnRhZ2VDb21wbGV0ZVN0eWxlIjp7IiRpZCI6IjYzMSIsIkZvbnRTZXR0aW5ncyI6eyIkaWQiOiI2Mz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YzMyIsIkxpbmVDb2xvciI6bnVsbCwiTGluZVdlaWdodCI6MC4wLCJMaW5lVHlwZSI6MCwiUGFyZW50U3R5bGUiOm51bGx9LCJQYXJlbnRTdHlsZSI6bnVsbH0sIkR1cmF0aW9uU3R5bGUiOnsiJGlkIjoiNjM0IiwiRm9udFNldHRpbmdzIjp7IiRpZCI6IjYz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jM2IiwiTGluZUNvbG9yIjpudWxsLCJMaW5lV2VpZ2h0IjowLjAsIkxpbmVUeXBlIjowLCJQYXJlbnRTdHlsZSI6bnVsbH0sIlBhcmVudFN0eWxlIjpudWxsfSwiSG9yaXpvbnRhbENvbm5lY3RvclN0eWxlIjp7IiRpZCI6IjYzNyIsIkxpbmVDb2xvciI6eyIkcmVmIjoiOTkifSwiTGluZVdlaWdodCI6MS4wLCJMaW5lVHlwZSI6MCwiUGFyZW50U3R5bGUiOm51bGx9LCJWZXJ0aWNhbENvbm5lY3RvclN0eWxlIjp7IiRpZCI6IjYzO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aWQiOiI2NTYiLCJDb2xvciI6eyIkaWQiOiI2NTciLCJBIjowLCJSIjoyNTUsIkciOjI1NSwiQiI6MjU1fX0sIklzVmlzaWJsZSI6dHJ1ZSwiV2lkdGgiOjAuMCwiSGVpZ2h0IjowLjAsIkJvcmRlclN0eWxlIjp7IiRpZCI6IjY1OCIsIkxpbmVDb2xvciI6bnVsbCwiTGluZVdlaWdodCI6MC4wLCJMaW5lVHlwZSI6MCwiUGFyZW50U3R5bGUiOm51bGx9LCJQYXJlbnRTdHlsZSI6bnVsbH0sIkRhdGVGb3JtYXQiOnsiJGlkIjoiN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jY4IiwiTGluZUNvbG9yIjpudWxsLCJMaW5lV2VpZ2h0IjowLjAsIkxpbmVUeXBlIjowLCJQYXJlbnRTdHlsZSI6bnVsbH0sIlBhcmVudFN0eWxlIjpudWxsfSwiRHVyYXRpb25TdHlsZSI6eyIkaWQiOiI2NjkiLCJGb250U2V0dGluZ3MiOnsiJGlkIjoiNjcw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2NzEiLCJMaW5lQ29sb3IiOm51bGwsIkxpbmVXZWlnaHQiOjAuMCwiTGluZVR5cGUiOjAsIlBhcmVudFN0eWxlIjpudWxsfSwiUGFyZW50U3R5bGUiOm51bGx9LCJIb3Jpem9udGFsQ29ubmVjdG9yU3R5bGUiOnsiJGlkIjoiNjcyIiwiTGluZUNvbG9yIjp7IiRyZWYiOiI5OSJ9LCJMaW5lV2VpZ2h0IjoxLjAsIkxpbmVUeXBlIjowLCJQYXJlbnRTdHlsZSI6bnVsbH0sIlZlcnRpY2FsQ29ubmVjdG9yU3R5bGUiOnsiJGlkIjoiNjcz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cwMCIsIkxpbmVDb2xvciI6bnVsbCwiTGluZVdlaWdodCI6MC4wLCJMaW5lVHlwZSI6MCwiUGFyZW50U3R5bGUiOm51bGx9LCJQYXJlbnRTdHlsZSI6bnVsbH0sIkR1cmF0aW9uU3R5bGUiOnsiJGlkIjoiNzAxIiwiRm9udFNldHRpbmdzIjp7IiRpZCI6Ijcw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zAzIiwiTGluZUNvbG9yIjpudWxsLCJMaW5lV2VpZ2h0IjowLjAsIkxpbmVUeXBlIjowLCJQYXJlbnRTdHlsZSI6bnVsbH0sIlBhcmVudFN0eWxlIjpudWxsfSwiSG9yaXpvbnRhbENvbm5lY3RvclN0eWxlIjp7IiRpZCI6IjcwNCIsIkxpbmVDb2xvciI6eyIkcmVmIjoiOTkifSwiTGluZVdlaWdodCI6MS4wLCJMaW5lVHlwZSI6MCwiUGFyZW50U3R5bGUiOm51bGx9LCJWZXJ0aWNhbENvbm5lY3RvclN0eWxlIjp7IiRpZCI6IjcwNS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3MzIiLCJMaW5lQ29sb3IiOm51bGwsIkxpbmVXZWlnaHQiOjAuMCwiTGluZVR5cGUiOjAsIlBhcmVudFN0eWxlIjpudWxsfSwiUGFyZW50U3R5bGUiOm51bGx9LCJEdXJhdGlvblN0eWxlIjp7IiRpZCI6IjczMyIsIkZvbnRTZXR0aW5ncyI6eyIkaWQiOiI3Mz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czNSIsIkxpbmVDb2xvciI6bnVsbCwiTGluZVdlaWdodCI6MC4wLCJMaW5lVHlwZSI6MCwiUGFyZW50U3R5bGUiOm51bGx9LCJQYXJlbnRTdHlsZSI6bnVsbH0sIkhvcml6b250YWxDb25uZWN0b3JTdHlsZSI6eyIkaWQiOiI3MzYiLCJMaW5lQ29sb3IiOnsiJHJlZiI6Ijk5In0sIkxpbmVXZWlnaHQiOjEuMCwiTGluZVR5cGUiOjAsIlBhcmVudFN0eWxlIjpudWxsfSwiVmVydGljYWxDb25uZWN0b3JTdHlsZSI6eyIkaWQiOiI3MzciLCJMaW5lQ29sb3IiOnsiJHJlZiI6IjEw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M4IiwiTWFyZ2luIjp7IiRyZWYiOiIxMDUifSwiUGFkZGluZyI6eyIkcmVmIjoiMTA2In0sIkJhY2tncm91bmQiOnsiJGlkIjoiNzM5IiwiQ29sb3IiOnsiJGlkIjoiNzQwIiwiQSI6MjU1LCJSIjoyMzQsIkciOjIyLCJCIjozMH19LCJJc1Zpc2libGUiOnRydWUsIldpZHRoIjowLjAsIkhlaWdodCI6MTAuMCwiQm9yZGVyU3R5bGUiOnsiJGlkIjoiNzQxIiwiTGluZUNvbG9yIjp7IiRyZWYiOiIxMTAifSwiTGluZVdlaWdodCI6MC4wLCJMaW5lVHlwZSI6MCwiUGFyZW50U3R5bGUiOm51bGx9LCJQYXJlbnRTdHlsZSI6bnVsbH0sIlRpdGxlU3R5bGUiOnsiJGlkIjoiNzQyIiwiRm9udFNldHRpbmdzIjp7IiRpZCI6Ijc0My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NzQ0IiwiTGluZUNvbG9yIjpudWxsLCJMaW5lV2VpZ2h0IjowLjAsIkxpbmVUeXBlIjowLCJQYXJlbnRTdHlsZSI6bnVsbH0sIlBhcmVudFN0eWxlIjpudWxsfSwiRGF0ZVN0eWxlIjp7IiRpZCI6Ijc0NSIsIkZvbnRTZXR0aW5ncyI6eyIkaWQiOiI3NDY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c2MSIsIkNvbG9yIjp7IiRpZCI6Ijc2MiIsIkEiOjAsIlIiOjI1NSwiRyI6MjU1LCJCIjoyNTV9fSwiSXNWaXNpYmxlIjp0cnVlLCJXaWR0aCI6MC4wLCJIZWlnaHQiOjAuMCwiQm9yZGVyU3R5bGUiOm51bGwsIlBhcmVudFN0eWxlIjpudWxsfSwiRGF0ZVN0eWxlIjp7IiRpZCI6Ijc2MyIsIkZvbnRTZXR0aW5ncyI6eyIkaWQiOiI3NjQiLCJGb250U2l6ZSI6MTAsIkZvbnROYW1lIjoiQ2FsaWJyaSIsIklzQm9sZCI6ZmFsc2UsIklzSXRhbGljIjpmYWxzZSwiSXNVbmRlcmxpbmVkIjpmYWxzZSwiUGFyZW50U3R5bGUiOm51bGx9LCJBdXRvU2l6ZSI6MCwiRm9yZWdyb3VuZCI6eyIkaWQiOiI3NjUiLCJDb2xvciI6eyIkaWQiOiI3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c4MCIsIkNvbG9yIjp7IiRpZCI6Ijc4MSIsIkEiOjAsIlIiOjI1NSwiRyI6MjU1LCJCIjoyNTV9fSwiSXNWaXNpYmxlIjp0cnVlLCJXaWR0aCI6MC4wLCJIZWlnaHQiOjAuMCwiQm9yZGVyU3R5bGUiOm51bGwsIlBhcmVudFN0eWxlIjpudWxsfSwiRGF0ZVN0eWxlIjp7IiRpZCI6Ijc4MiIsIkZvbnRTZXR0aW5ncyI6eyIkaWQiOiI3ODMiLCJGb250U2l6ZSI6MTAsIkZvbnROYW1lIjoiQ2FsaWJyaSIsIklzQm9sZCI6ZmFsc2UsIklzSXRhbGljIjpmYWxzZSwiSXNVbmRlcmxpbmVkIjpmYWxzZSwiUGFyZW50U3R5bGUiOm51bGx9LCJBdXRvU2l6ZSI6MCwiRm9yZWdyb3VuZCI6eyIkaWQiOiI3ODQiLCJDb2xvciI6eyIkaWQiOiI3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c4NiIsIkNvbG9yIjp7IiRpZCI6Ijc4NyIsIkEiOjAsIlIiOjI1NSwiRyI6MjU1LCJCIjoyNTV9fSwiSXNWaXNpYmxlIjp0cnVlLCJXaWR0aCI6MC4wLCJIZWlnaHQiOjAuMCwiQm9yZGVyU3R5bGUiOm51bGwsIlBhcmVudFN0eWxlIjpudWxsfSwiRGF0ZUZvcm1hdCI6eyIkaWQiOiI3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gwMyIsIk1hcmdpbiI6eyIkcmVmIjoiMTU1In0sIlBhZGRpbmciOnsiJHJlZiI6IjE1NiJ9LCJCYWNrZ3JvdW5kIjp7IiRpZCI6IjgwNCIsIkNvbG9yIjp7IiRpZCI6IjgwNSIsIkEiOjM4LCJSIjoxNjUsIkciOjE2NSwiQiI6MTY1fX0sIklzVmlzaWJsZSI6dHJ1ZSwiV2lkdGgiOjAuMCwiSGVpZ2h0IjowLjAsIkJvcmRlclN0eWxlIjp7IiRpZCI6IjgwNiIsIkxpbmVDb2xvciI6eyIkaWQiOiI4MDciLCIkdHlwZSI6Ik5MUkUuQ29tbW9uLkRvbS5Tb2xpZENvbG9yQnJ1c2gsIE5MUkUuQ29tbW9uIiwiQ29sb3IiOnsiJGlkIjoiODA4IiwiQSI6MjU1LCJSIjo1NSwiRyI6NTUsIkIiOjU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gwOSIsIl9hdHRhY2hlZE1pbGVzdG9uZXMiOltdLCJUYXNrRGVmaW5pdGlvbiI6eyIkaWQiOiI4MTAiLCJHcm91cE5hbWUiOm51bGwsIlN0YXJ0RGF0ZSI6IjIwMjAtMDMtMDlUMjM6NTk6MDBaIiwiRW5kRGF0ZSI6IjIwMjAtMTAtMzFUMjM6NTk6MDBaIiwiUGVyY2VudGFnZUNvbXBsZXRlIjpudWxsLCJTdHlsZSI6eyIkaWQiOiI4MTEiLCJTaGFwZSI6NiwiU2hhcGVUaGlja25lc3MiOjAsIkR1cmF0aW9uRm9ybWF0IjowLCJJbmNsdWRlTm9uV29ya2luZ0RheXNJbkR1cmF0aW9uIjpmYWxzZSwiUGVyY2VudGFnZUNvbXBsZXRlU3R5bGUiOnsiJGlkIjoiODEyIiwiRm9udFNldHRpbmdzIjp7IiRpZCI6Ijgx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E0IiwiTGluZUNvbG9yIjpudWxsLCJMaW5lV2VpZ2h0IjowLjAsIkxpbmVUeXBlIjowLCJQYXJlbnRTdHlsZSI6bnVsbH0sIlBhcmVudFN0eWxlIjpudWxsfSwiRHVyYXRpb25TdHlsZSI6eyIkaWQiOiI4MTUiLCJGb250U2V0dGluZ3MiOnsiJGlkIjoiODE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MTciLCJMaW5lQ29sb3IiOm51bGwsIkxpbmVXZWlnaHQiOjAuMCwiTGluZVR5cGUiOjAsIlBhcmVudFN0eWxlIjpudWxsfSwiUGFyZW50U3R5bGUiOm51bGx9LCJIb3Jpem9udGFsQ29ubmVjdG9yU3R5bGUiOnsiJGlkIjoiODE4IiwiTGluZUNvbG9yIjp7IiRyZWYiOiI5OSJ9LCJMaW5lV2VpZ2h0IjoxLjAsIkxpbmVUeXBlIjowLCJQYXJlbnRTdHlsZSI6bnVsbH0sIlZlcnRpY2FsQ29ubmVjdG9yU3R5bGUiOnsiJGlkIjoiODE5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gzNyIsIkNvbG9yIjp7IiRpZCI6IjgzOCIsIkEiOjAsIlIiOjI1NSwiRyI6MjU1LCJCIjoyNTV9fSwiSXNWaXNpYmxlIjp0cnVlLCJXaWR0aCI6MC4wLCJIZWlnaHQiOjAuMCwiQm9yZGVyU3R5bGUiOnsiJGlkIjoiODM5IiwiTGluZUNvbG9yIjpudWxsLCJMaW5lV2VpZ2h0IjowLjAsIkxpbmVUeXBlIjowLCJQYXJlbnRTdHlsZSI6bnVsbH0sIlBhcmVudFN0eWxlIjpudWxsfSwiRGF0ZUZvcm1hdCI6eyIkaWQiOiI4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NDkiLCJMaW5lQ29sb3IiOm51bGwsIkxpbmVXZWlnaHQiOjAuMCwiTGluZVR5cGUiOjAsIlBhcmVudFN0eWxlIjpudWxsfSwiUGFyZW50U3R5bGUiOm51bGx9LCJEdXJhdGlvblN0eWxlIjp7IiRpZCI6Ijg1MCIsIkZvbnRTZXR0aW5ncyI6eyIkaWQiOiI4NTE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1MiIsIkxpbmVDb2xvciI6bnVsbCwiTGluZVdlaWdodCI6MC4wLCJMaW5lVHlwZSI6MCwiUGFyZW50U3R5bGUiOm51bGx9LCJQYXJlbnRTdHlsZSI6bnVsbH0sIkhvcml6b250YWxDb25uZWN0b3JTdHlsZSI6eyIkaWQiOiI4NTMiLCJMaW5lQ29sb3IiOnsiJHJlZiI6Ijk5In0sIkxpbmVXZWlnaHQiOjEuMCwiTGluZVR5cGUiOjAsIlBhcmVudFN0eWxlIjpudWxsfSwiVmVydGljYWxDb25uZWN0b3JTdHlsZSI6eyIkaWQiOiI4NTQ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gxIiwiTGluZUNvbG9yIjpudWxsLCJMaW5lV2VpZ2h0IjowLjAsIkxpbmVUeXBlIjowLCJQYXJlbnRTdHlsZSI6bnVsbH0sIlBhcmVudFN0eWxlIjpudWxsfSwiRHVyYXRpb25TdHlsZSI6eyIkaWQiOiI4ODIiLCJGb250U2V0dGluZ3MiOnsiJGlkIjoiODg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ODQiLCJMaW5lQ29sb3IiOm51bGwsIkxpbmVXZWlnaHQiOjAuMCwiTGluZVR5cGUiOjAsIlBhcmVudFN0eWxlIjpudWxsfSwiUGFyZW50U3R5bGUiOm51bGx9LCJIb3Jpem9udGFsQ29ubmVjdG9yU3R5bGUiOnsiJGlkIjoiODg1IiwiTGluZUNvbG9yIjp7IiRyZWYiOiI5OSJ9LCJMaW5lV2VpZ2h0IjoxLjAsIkxpbmVUeXBlIjowLCJQYXJlbnRTdHlsZSI6bnVsbH0sIlZlcnRpY2FsQ29ubmVjdG9yU3R5bGUiOnsiJGlkIjoiODg2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4OTUiLCJDb2xvciI6eyIkaWQiOiI4OTYiLCJBIjowLCJSIjoyNTUsIkciOjI1NSwiQiI6MjU1fX0sIklzVmlzaWJsZSI6dHJ1ZSwiV2lkdGgiOjAuMCwiSGVpZ2h0IjowLjAsIkJvcmRlclN0eWxlIjp7IiRpZCI6Ijg5NyIsIkxpbmVDb2xvciI6bnVsbCwiTGluZVdlaWdodCI6MC4wLCJMaW5lVHlwZSI6MCwiUGFyZW50U3R5bGUiOm51bGx9LCJQYXJlbnRTdHlsZSI6bnVsbH0sIkRhdGVTdHlsZSI6eyIkaWQiOiI4OTgiLCJGb250U2V0dGluZ3MiOnsiJGlkIjoiODk5IiwiRm9udFNpemUiOjEw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TEzIiwiTGluZUNvbG9yIjpudWxsLCJMaW5lV2VpZ2h0IjowLjAsIkxpbmVUeXBlIjowLCJQYXJlbnRTdHlsZSI6bnVsbH0sIlBhcmVudFN0eWxlIjpudWxsfSwiRHVyYXRpb25TdHlsZSI6eyIkaWQiOiI5MTQiLCJGb250U2V0dGluZ3MiOnsiJGlkIjoiOTE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MTYiLCJMaW5lQ29sb3IiOm51bGwsIkxpbmVXZWlnaHQiOjAuMCwiTGluZVR5cGUiOjAsIlBhcmVudFN0eWxlIjpudWxsfSwiUGFyZW50U3R5bGUiOm51bGx9LCJIb3Jpem9udGFsQ29ubmVjdG9yU3R5bGUiOnsiJGlkIjoiOTE3IiwiTGluZUNvbG9yIjp7IiRyZWYiOiI5OSJ9LCJMaW5lV2VpZ2h0IjoxLjAsIkxpbmVUeXBlIjowLCJQYXJlbnRTdHlsZSI6bnVsbH0sIlZlcnRpY2FsQ29ubmVjdG9yU3R5bGUiOnsiJGlkIjoiOTE4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NDUiLCJMaW5lQ29sb3IiOm51bGwsIkxpbmVXZWlnaHQiOjAuMCwiTGluZVR5cGUiOjAsIlBhcmVudFN0eWxlIjpudWxsfSwiUGFyZW50U3R5bGUiOm51bGx9LCJEdXJhdGlvblN0eWxlIjp7IiRpZCI6Ijk0NiIsIkZvbnRTZXR0aW5ncyI6eyIkaWQiOiI5ND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0OCIsIkxpbmVDb2xvciI6bnVsbCwiTGluZVdlaWdodCI6MC4wLCJMaW5lVHlwZSI6MCwiUGFyZW50U3R5bGUiOm51bGx9LCJQYXJlbnRTdHlsZSI6bnVsbH0sIkhvcml6b250YWxDb25uZWN0b3JTdHlsZSI6eyIkaWQiOiI5NDkiLCJMaW5lQ29sb3IiOnsiJHJlZiI6Ijk5In0sIkxpbmVXZWlnaHQiOjEuMCwiTGluZVR5cGUiOjAsIlBhcmVudFN0eWxlIjpudWxsfSwiVmVydGljYWxDb25uZWN0b3JTdHlsZSI6eyIkaWQiOiI5NTA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5NjgiLCJDb2xvciI6eyIkaWQiOiI5NjkiLCJBIjowLCJSIjoyNTUsIkciOjI1NSwiQiI6MjU1fX0sIklzVmlzaWJsZSI6dHJ1ZSwiV2lkdGgiOjAuMCwiSGVpZ2h0IjowLjAsIkJvcmRlclN0eWxlIjp7IiRpZCI6Ijk3MCIsIkxpbmVDb2xvciI6bnVsbCwiTGluZVdlaWdodCI6MC4wLCJMaW5lVHlwZSI6MCwiUGFyZW50U3R5bGUiOm51bGx9LCJQYXJlbnRTdHlsZSI6bnVsbH0sIkRhdGVGb3JtYXQiOnsiJGlkIjoiOT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TgwIiwiTGluZUNvbG9yIjpudWxsLCJMaW5lV2VpZ2h0IjowLjAsIkxpbmVUeXBlIjowLCJQYXJlbnRTdHlsZSI6bnVsbH0sIlBhcmVudFN0eWxlIjpudWxsfSwiRHVyYXRpb25TdHlsZSI6eyIkaWQiOiI5ODEiLCJGb250U2V0dGluZ3MiOnsiJGlkIjoiOTgy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ODMiLCJMaW5lQ29sb3IiOm51bGwsIkxpbmVXZWlnaHQiOjAuMCwiTGluZVR5cGUiOjAsIlBhcmVudFN0eWxlIjpudWxsfSwiUGFyZW50U3R5bGUiOm51bGx9LCJIb3Jpem9udGFsQ29ubmVjdG9yU3R5bGUiOnsiJGlkIjoiOTg0IiwiTGluZUNvbG9yIjp7IiRyZWYiOiI5OSJ9LCJMaW5lV2VpZ2h0IjoxLjAsIkxpbmVUeXBlIjowLCJQYXJlbnRTdHlsZSI6bnVsbH0sIlZlcnRpY2FsQ29ubmVjdG9yU3R5bGUiOnsiJGlkIjoiOTg1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EwMDMiLCJDb2xvciI6eyIkaWQiOiIxMDA0IiwiQSI6MCwiUiI6MjU1LCJHIjoyNTUsIkIiOjI1NX19LCJJc1Zpc2libGUiOnRydWUsIldpZHRoIjowLjAsIkhlaWdodCI6MC4wLCJCb3JkZXJTdHlsZSI6eyIkaWQiOiIxMDA1IiwiTGluZUNvbG9yIjpudWxsLCJMaW5lV2VpZ2h0IjowLjAsIkxpbmVUeXBlIjowLCJQYXJlbnRTdHlsZSI6bnVsbH0sIlBhcmVudFN0eWxlIjpudWxsfSwiRGF0ZUZvcm1hdCI6eyIkaWQiOiIxMD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E1IiwiTGluZUNvbG9yIjpudWxsLCJMaW5lV2VpZ2h0IjowLjAsIkxpbmVUeXBlIjowLCJQYXJlbnRTdHlsZSI6bnVsbH0sIlBhcmVudFN0eWxlIjpudWxsfSwiRHVyYXRpb25TdHlsZSI6eyIkaWQiOiIxMDE2IiwiRm9udFNldHRpbmdzIjp7IiRpZCI6IjEwMT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MTgiLCJMaW5lQ29sb3IiOm51bGwsIkxpbmVXZWlnaHQiOjAuMCwiTGluZVR5cGUiOjAsIlBhcmVudFN0eWxlIjpudWxsfSwiUGFyZW50U3R5bGUiOm51bGx9LCJIb3Jpem9udGFsQ29ubmVjdG9yU3R5bGUiOnsiJGlkIjoiMTAxOSIsIkxpbmVDb2xvciI6eyIkcmVmIjoiOTkifSwiTGluZVdlaWdodCI6MS4wLCJMaW5lVHlwZSI6MCwiUGFyZW50U3R5bGUiOm51bGx9LCJWZXJ0aWNhbENvbm5lY3RvclN0eWxlIjp7IiRpZCI6IjEwMjA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TAyOSIsIkNvbG9yIjp7IiRpZCI6IjEwMzAiLCJBIjowLCJSIjoyNTUsIkciOjI1NSwiQiI6MjU1fX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GlkIjoiMTAzNCIsIkNvbG9yIjp7IiRpZCI6IjEw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wNDciLCJMaW5lQ29sb3IiOm51bGwsIkxpbmVXZWlnaHQiOjAuMCwiTGluZVR5cGUiOjAsIlBhcmVudFN0eWxlIjpudWxsfSwiUGFyZW50U3R5bGUiOm51bGx9LCJEdXJhdGlvblN0eWxlIjp7IiRpZCI6IjEwNDgiLCJGb250U2V0dGluZ3MiOnsiJGlkIjoiMTA0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A1MCIsIkxpbmVDb2xvciI6bnVsbCwiTGluZVdlaWdodCI6MC4wLCJMaW5lVHlwZSI6MCwiUGFyZW50U3R5bGUiOm51bGx9LCJQYXJlbnRTdHlsZSI6bnVsbH0sIkhvcml6b250YWxDb25uZWN0b3JTdHlsZSI6eyIkaWQiOiIxMDUxIiwiTGluZUNvbG9yIjp7IiRyZWYiOiI5OSJ9LCJMaW5lV2VpZ2h0IjoxLjAsIkxpbmVUeXBlIjowLCJQYXJlbnRTdHlsZSI6bnVsbH0sIlZlcnRpY2FsQ29ubmVjdG9yU3R5bGUiOnsiJGlkIjoiMTA1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A3OSIsIkxpbmVDb2xvciI6bnVsbCwiTGluZVdlaWdodCI6MC4wLCJMaW5lVHlwZSI6MCwiUGFyZW50U3R5bGUiOm51bGx9LCJQYXJlbnRTdHlsZSI6bnVsbH0sIkR1cmF0aW9uU3R5bGUiOnsiJGlkIjoiMTA4MCIsIkZvbnRTZXR0aW5ncyI6eyIkaWQiOiIxMDg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DgyIiwiTGluZUNvbG9yIjpudWxsLCJMaW5lV2VpZ2h0IjowLjAsIkxpbmVUeXBlIjowLCJQYXJlbnRTdHlsZSI6bnVsbH0sIlBhcmVudFN0eWxlIjpudWxsfSwiSG9yaXpvbnRhbENvbm5lY3RvclN0eWxlIjp7IiRpZCI6IjEwODMiLCJMaW5lQ29sb3IiOnsiJHJlZiI6Ijk5In0sIkxpbmVXZWlnaHQiOjEuMCwiTGluZVR5cGUiOjAsIlBhcmVudFN0eWxlIjpudWxsfSwiVmVydGljYWxDb25uZWN0b3JTdHlsZSI6eyIkaWQiOiIxMDg0IiwiTGluZUNvbG9yIjp7IiRyZWYiOiIxMDI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xMTEiLCJMaW5lQ29sb3IiOm51bGwsIkxpbmVXZWlnaHQiOjAuMCwiTGluZVR5cGUiOjAsIlBhcmVudFN0eWxlIjpudWxsfSwiUGFyZW50U3R5bGUiOm51bGx9LCJEdXJhdGlvblN0eWxlIjp7IiRpZCI6IjExMTIiLCJGb250U2V0dGluZ3MiOnsiJGlkIjoiMTEx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ExNCIsIkxpbmVDb2xvciI6bnVsbCwiTGluZVdlaWdodCI6MC4wLCJMaW5lVHlwZSI6MCwiUGFyZW50U3R5bGUiOm51bGx9LCJQYXJlbnRTdHlsZSI6bnVsbH0sIkhvcml6b250YWxDb25uZWN0b3JTdHlsZSI6eyIkaWQiOiIxMTE1IiwiTGluZUNvbG9yIjp7IiRyZWYiOiI5OSJ9LCJMaW5lV2VpZ2h0IjoxLjAsIkxpbmVUeXBlIjowLCJQYXJlbnRTdHlsZSI6bnVsbH0sIlZlcnRpY2FsQ29ubmVjdG9yU3R5bGUiOnsiJGlkIjoiMTExNi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TE3IiwiTWFyZ2luIjp7IiRyZWYiOiIxMDUifSwiUGFkZGluZyI6eyIkcmVmIjoiMTA2In0sIkJhY2tncm91bmQiOnsiJGlkIjoiMTExOCIsIkNvbG9yIjp7IiRpZCI6IjExMTkiLCJBIjoyNTUsIlIiOjIzNCwiRyI6MjIsIkIiOjMwfX0sIklzVmlzaWJsZSI6dHJ1ZSwiV2lkdGgiOjAuMCwiSGVpZ2h0IjoxMC4wLCJCb3JkZXJTdHlsZSI6eyIkaWQiOiIxMTIwIiwiTGluZUNvbG9yIjp7IiRyZWYiOiIxMTAifSwiTGluZVdlaWdodCI6MC4wLCJMaW5lVHlwZSI6MCwiUGFyZW50U3R5bGUiOm51bGx9LCJQYXJlbnRTdHlsZSI6bnVsbH0sIlRpdGxlU3R5bGUiOnsiJGlkIjoiMTEyMSIsIkZvbnRTZXR0aW5ncyI6eyIkaWQiOiIxMTIy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MTIzIiwiTGluZUNvbG9yIjpudWxsLCJMaW5lV2VpZ2h0IjowLjAsIkxpbmVUeXBlIjowLCJQYXJlbnRTdHlsZSI6bnVsbH0sIlBhcmVudFN0eWxlIjpudWxsfSwiRGF0ZVN0eWxlIjp7IiRpZCI6IjExMjQiLCJGb250U2V0dGluZ3MiOnsiJGlkIjoiMTEyNS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TEzNSIsIkxpbmVDb2xvciI6bnVsbCwiTGluZVdlaWdodCI6MC4wLCJMaW5lVHlwZSI6MCwiUGFyZW50U3R5bGUiOm51bGx9LCJQYXJlbnRTdHlsZSI6bnVsbH0sIkR1cmF0aW9uU3R5bGUiOnsiJGlkIjoiMTEzNiIsIkZvbnRTZXR0aW5ncyI6eyIkaWQiOiIxMTM3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xMTM4IiwiTGluZUNvbG9yIjpudWxsLCJMaW5lV2VpZ2h0IjowLjAsIkxpbmVUeXBlIjowLCJQYXJlbnRTdHlsZSI6bnVsbH0sIlBhcmVudFN0eWxlIjpudWxsfSwiSG9yaXpvbnRhbENvbm5lY3RvclN0eWxlIjp7IiRpZCI6IjExMzkiLCJMaW5lQ29sb3IiOnsiJHJlZiI6Ijk5In0sIkxpbmVXZWlnaHQiOjEuMCwiTGluZVR5cGUiOjAsIlBhcmVudFN0eWxlIjpudWxsfSwiVmVydGljYWxDb25uZWN0b3JTdHlsZSI6eyIkaWQiOiIxMTQwIiwiTGluZUNvbG9yIjp7IiRyZWYiOiIxMDI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xMTcyIiwiQ29sb3IiOnsiJGlkIjoiMTE3MyIsIkEiOjAsIlIiOjI1NSwiRyI6MjU1LCJCIjoyNTV9fSwiSXNWaXNpYmxlIjpmYWxzZSwiV2lkdGgiOjAuMCwiSGVpZ2h0IjowLjAsIkJvcmRlclN0eWxlIjpudWxsLCJQYXJlbnRTdHlsZSI6bnVsbH0sIkRhdGVTdHlsZSI6eyIkaWQiOiIxMTc0IiwiRm9udFNldHRpbmdzIjp7IiRpZCI6IjExNzUiLCJGb250U2l6ZSI6MTAsIkZvbnROYW1lIjoiQ2FsaWJyaSIsIklzQm9sZCI6ZmFsc2UsIklzSXRhbGljIjpmYWxzZSwiSXNVbmRlcmxpbmVkIjpmYWxzZSwiUGFyZW50U3R5bGUiOm51bGx9LCJBdXRvU2l6ZSI6MCwiRm9yZWdyb3VuZCI6eyIkaWQiOiIxMTc2IiwiQ29sb3IiOnsiJGlkIjoiMTE3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xOTEiLCJDb2xvciI6eyIkaWQiOiIxMTkyIiwiQSI6MCwiUiI6MjU1LCJHIjoyNTUsIkIiOjI1NX19LCJJc1Zpc2libGUiOnRydWUsIldpZHRoIjowLjAsIkhlaWdodCI6MC4wLCJCb3JkZXJTdHlsZSI6bnVsbCwiUGFyZW50U3R5bGUiOm51bGx9LCJEYXRlU3R5bGUiOnsiJGlkIjoiMTE5MyIsIkZvbnRTZXR0aW5ncyI6eyIkaWQiOiIxMTk0IiwiRm9udFNpemUiOjEwLCJGb250TmFtZSI6IkNhbGlicmkiLCJJc0JvbGQiOmZhbHNlLCJJc0l0YWxpYyI6ZmFsc2UsIklzVW5kZXJsaW5lZCI6ZmFsc2UsIlBhcmVudFN0eWxlIjpudWxsfSwiQXV0b1NpemUiOjAsIkZvcmVncm91bmQiOnsiJGlkIjoiMTE5NSIsIkNvbG9yIjp7IiRpZCI6IjExO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yMTAiLCJDb2xvciI6eyIkaWQiOiIxMjExIiwiQSI6MCwiUiI6MjU1LCJHIjoyNTUsIkIiOjI1NX19LCJJc1Zpc2libGUiOmZhbHNlLCJXaWR0aCI6MC4wLCJIZWlnaHQiOjAuMCwiQm9yZGVyU3R5bGUiOm51bGw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xMjE2IiwiQ29sb3IiOnsiJGlkIjoiMTIxNyIsIkEiOjAsIlIiOjI1NSwiRyI6MjU1LCJCIjoyNTV9fSwiSXNWaXNpYmxlIjpmYWxzZSwiV2lkdGgiOjAuMCwiSGVpZ2h0IjowLjAsIkJvcmRlclN0eWxlIjpudWxsLCJQYXJlbnRTdHlsZSI6bnVsbH0sIkRhdGVGb3JtYXQiOnsiJGlkIjoiMTIx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yMjQiLCJVc2VUaW1lIjpmYWxzZSwiV29ya0RheVN0YXJ0IjoiMDA6MDA6MDAiLCJXb3JrRGF5RW5kIjoiMjM6NTk6MDAifSwiTGFzdFVzZWRUZW1wbGF0ZUlkIjoiY2MyNmY4NjMtMjdjZS00ODBlLWE1ODktYjNmMTJmMmQ2ZWIwIiwiRmlyc3RXZWVrT2ZZZWFyIjow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TIMEBANDCULTUREINFO" val="en-US"/>
  <p:tag name="OTLTIMEBANDSCALETYPE" val="Months"/>
  <p:tag name="OTLTIMEBANDSCALEFORMAT" val="MMM"/>
  <p:tag name="OTLTIMEBANDSHAPETYPE" val="RoundedCornerRectangleTimeband"/>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TIMEBANDSHAPEPADDINGTOP" val="3"/>
  <p:tag name="OTLTIMEBANDFYSTARTMONTH" val="January"/>
  <p:tag name="OTLTIMEBANDSHOWFYLABEL" val="True"/>
  <p:tag name="OTLTIMEBANDUSESTARTINGOFTHEYEARFORFYNUMBERING" val="True"/>
  <p:tag name="OTLTIMEBANDQUICKPOSITION" val="Custom"/>
  <p:tag name="OTLLEFTENDCAPSMARGINLEFT" val="31"/>
  <p:tag name="OTLTIMEBANDENDDATE" val="2021-01-18T23:59:00.0000000Z"/>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ATE" val="2019-11-15T23:59:00.0000000"/>
  <p:tag name="OTLPOSITIONONTASK" val="None"/>
  <p:tag name="OTLRELATEDTASKID" val="00000000-0000-0000-0000-000000000000"/>
  <p:tag name="OTLMTITLE" val="Protocol/ ICF "/>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12-04T23:59:00.0000000"/>
  <p:tag name="OTLENDDATE" val="2020-03-05T23:59:00.0000000"/>
  <p:tag name="OTLDURATIONFORMAT" val="day"/>
  <p:tag name="OTLSHAPETHICKNESSTYPE" val="Thin"/>
  <p:tag name="OTLSPACING" val="3"/>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tocol/ICF V2.0"/>
  <p:tag name="OTLPOSITIONONTASK" val="None"/>
  <p:tag name="OTLRELATEDTASKID" val="00000000-0000-0000-0000-000000000000"/>
  <p:tag name="OTLDATE" val="2020-10-05T23:59:00.0000000"/>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POSITIONONTASK" val="None"/>
  <p:tag name="OTLRELATEDTASKID" val="00000000-0000-0000-0000-000000000000"/>
  <p:tag name="OTLMTITLE" val="TOTAL=137"/>
  <p:tag name="OTLDATE" val="2021-01-15T23:59:00.0000000"/>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oiNS4wMC4wMC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zM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UwLjk0OTE5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wLjAsIkxpbmVUeXBlIjowLCJQYXJlbnRTdHlsZSI6bnVsbH0sIk1hcmdpbiI6eyIkaWQiOiIxMzMiLCJUb3AiOjAsIkxlZnQiOjAsIlJpZ2h0IjowLCJCb3R0b20iOjB9LCJQYWRkaW5nIjp7IiRpZCI6IjEzNCIsIlRvcCI6MCwiTGVmdCI6MCwiUmlnaHQiOjAsIkJvdHRvbSI6MH0sIkJhY2tncm91bmQiOm51bGwsIklzVmlzaWJsZSI6ZmFsc2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wNi0zMF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NSIsIlRvcCI6MCwiTGVmdCI6MCwiUmlnaHQiOjAsIkJvdHRvbSI6MH0sIlBhZGRpbmciOnsiJGlkIjoiMTg2IiwiVG9wIjowLCJMZWZ0IjowLCJSaWdodCI6MCwiQm90dG9tIjowfSwiQmFja2dyb3VuZCI6eyIkaWQiOiIxODciLCJDb2xvciI6eyIkaWQiOiIxODgiLCJBIjowLCJSIjoyNTUsIkciOjI1NSwiQiI6MjU1fX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GlkIjoiMTkyIiwiQ29sb3IiOnsiJGlkIjoiMT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TQiLCJUb3AiOjAsIkxlZnQiOjAsIlJpZ2h0IjowLCJCb3R0b20iOjB9LCJQYWRkaW5nIjp7IiRpZCI6IjE5NSIsIlRvcCI6MCwiTGVmdCI6MCwiUmlnaHQiOjAsIkJvdHRvbSI6MH0sIkJhY2tncm91bmQiOnsiJGlkIjoiMTk2IiwiQ29sb3IiOnsiJGlkIjoiMTk3IiwiQSI6MCwiUiI6MjU1LCJHIjoyNTUsIkIiOjI1NX19LCJJc1Zpc2libGUiOnRydWUsIldpZHRoIjowLjAsIkhlaWdodCI6MC4wLCJCb3JkZXJTdHlsZSI6eyIkaWQiOiIxOTgiLCJMaW5lQ29sb3IiOm51bGwsIkxpbmVXZWlnaHQiOjAuMCwiTGluZVR5cGUiOjAsIlBhcmVudFN0eWxlIjpudWxsfSwiUGFyZW50U3R5bGUiOm51bGx9LCJEYXRlRm9ybWF0Ijp7IiRpZCI6IjE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yMjMiLCJDb2xvciI6eyIkaWQiOiIyMjQiLCJBIjowLCJSIjoyNTUsIkciOjI1NSwiQiI6MjU1fX0sIklzVmlzaWJsZSI6dHJ1ZSwiV2lkdGgiOjAuMCwiSGVpZ2h0IjowLjAsIkJvcmRlclN0eWxlIjp7IiRpZCI6IjIyNSIsIkxpbmVDb2xvciI6bnVsbCwiTGluZVdlaWdodCI6MC4wLCJMaW5lVHlwZSI6MCwiUGFyZW50U3R5bGUiOm51bGx9LCJQYXJlbnRTdHlsZSI6bnVsbH0sIkRhdGVGb3JtYXQiOnsiJGlkIjoiMj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NTAiLCJDb2xvciI6eyIkaWQiOiIyNTEiLCJBIjowLCJSIjoyNTUsIkciOjI1NSwiQiI6MjU1fX0sIklzVmlzaWJsZSI6dHJ1ZSwiV2lkdGgiOjAuMCwiSGVpZ2h0IjowLjAsIkJvcmRlclN0eWxlIjp7IiRpZCI6IjI1MiIsIkxpbmVDb2xvciI6bnVsbCwiTGluZVdlaWdodCI6MC4wLCJMaW5lVHlwZSI6MCwiUGFyZW50U3R5bGUiOm51bGx9LCJQYXJlbnRTdHlsZSI6bnVsbH0sIkRhdGVGb3JtYXQiOnsiJGlkIjoiMj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nsiJGlkIjoiMjY4IiwiTGluZUNvbG9yIjpudWxsLCJMaW5lV2VpZ2h0IjowLjAsIkxpbmVUeXBlIjowLCJQYXJlbnRTdHlsZSI6bnVsbH0sIlBhcmVudFN0eWxlIjpudWxsfSwiRGF0ZVN0eWxlIjp7IiRpZCI6IjI2OSIsIkZvbnRTZXR0aW5ncyI6eyIkaWQiOiIyNzA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MjgyIiwiTWFyZ2luIjp7IiRyZWYiOiIxNDUifSwiUGFkZGluZyI6eyIkcmVmIjoiMTQ2In0sIkJhY2tncm91bmQiOnsiJGlkIjoiMjgzIiwiQ29sb3IiOnsiJGlkIjoiMjg0IiwiQSI6MTI3LCJSIjo2OCwiRyI6ODQsIkIiOjEwNn19LCJJc1Zpc2libGUiOmZhbHNlLCJXaWR0aCI6MC4wLCJIZWlnaHQiOjAuMCwiQm9yZGVyU3R5bGUiOnsiJGlkIjoiMjg1IiwiTGluZUNvbG9yIjp7IiRpZCI6IjI4NiIsIiR0eXBlIjoiTkxSRS5Db21tb24uRG9tLlNvbGlkQ29sb3JCcnVzaCwgTkxSRS5Db21tb24iLCJDb2xvciI6eyIkaWQiOiIyODciLCJBIjoyNTUsIlIiOjIyLCJHIjoyOCwiQiI6MzV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zMTgiLCJNYXJnaW4iOnsiJGlkIjoiMzE5IiwiVG9wIjowLCJMZWZ0Ijo0LCJSaWdodCI6NCwiQm90dG9tIjowfSwiUGFkZGluZyI6eyIkaWQiOiIzMjAiLCJUb3AiOjAsIkxlZnQiOjAsIlJpZ2h0IjowLCJCb3R0b20iOjB9LCJCYWNrZ3JvdW5kIjp7IiRpZCI6IjMyMSIsIkNvbG9yIjp7IiRpZCI6IjMyMiIsIkEiOjI1NSwiUiI6MjM3LCJHIjoxMjUsIkIiOjQ5fX0sIklzVmlzaWJsZSI6dHJ1ZSwiV2lkdGgiOjAuMCwiSGVpZ2h0Ijox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UaXRsZVN0eWxlIjp7IiRpZCI6IjMyNiIsIkZvbnRTZXR0aW5ncyI6eyIkaWQiOiIzMjciLCJGb250U2l6ZSI6MTEsIkZvbnROYW1lIjoiQ2FsaWJyaSIsIklzQm9sZCI6dHJ1ZSwiSXNJdGFsaWMiOmZhbHNlLCJJc1VuZGVybGluZWQiOmZhbHNlLCJQYXJlbnRTdHlsZSI6bnVsbH0sIkF1dG9TaXplIjowLCJGb3JlZ3JvdW5kIjp7IiRpZCI6IjMyOCIsIkNvbG9yIjp7IiRpZCI6IjMyOS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MzAiLCJUb3AiOjAsIkxlZnQiOjAsIlJpZ2h0IjowLCJCb3R0b20iOjB9LCJQYWRkaW5nIjp7IiRpZCI6IjMzMSIsIlRvcCI6MCwiTGVmdCI6MCwiUmlnaHQiOjAsIkJvdHRvbSI6MH0sIkJhY2tncm91bmQiOnsiJGlkIjoiMzMyIiwiQ29sb3IiOnsiJGlkIjoiMzMzIiwiQSI6MCwiUiI6MjU1LCJHIjoyNTUsIkIiOjI1NX1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M5IiwiVG9wIjowLCJMZWZ0IjowLCJSaWdodCI6MCwiQm90dG9tIjowfSwiUGFkZGluZyI6eyIkaWQiOiIzNDAiLCJUb3AiOjAsIkxlZnQiOjAsIlJpZ2h0IjowLCJCb3R0b20iOjB9LCJCYWNrZ3JvdW5kIjp7IiRpZCI6IjM0MSIsIkNvbG9yIjp7IiRpZCI6IjM0MiIsIkEiOjAsIlIiOjI1NSwiRyI6MjU1LCJCIjoyNTV9fSwiSXNWaXNpYmxlIjp0cnVlLCJXaWR0aCI6MC4wLCJIZWlnaHQiOjAuMCwiQm9yZGVyU3R5bGUiOnsiJGlkIjoiMzQzIiwiTGluZUNvbG9yIjpudWxsLCJMaW5lV2VpZ2h0IjowLjAsIkxpbmVUeXBlIjowLCJQYXJlbnRTdHlsZSI6bnVsbH0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IiLCJUb3AiOjAsIkxlZnQiOjAsIlJpZ2h0IjowLCJCb3R0b20iOjB9LCJQYWRkaW5nIjp7IiRpZCI6IjM2MyIsIlRvcCI6MCwiTGVmdCI6MCwiUmlnaHQiOjAsIkJvdHRvbSI6MH0sIkJhY2tncm91bmQiOnsiJGlkIjoiMzY0IiwiQ29sb3IiOnsiJHJlZiI6IjM1NiJ9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aWQiOiIzNjciLCIkdHlwZSI6Ik5MUkUuQ29tbW9uLkRvbS5Tb2xpZENvbG9yQnJ1c2gsIE5MUkUuQ29tbW9uIiwiQ29sb3IiOnsiJGlkIjoiMzY4IiwiQSI6MjU1LCJSIjoyMDQsIkciOjIwNCwiQiI6MjA0fX0sIkxpbmVXZWlnaHQiOjEuMCwiTGluZVR5cGUiOjAsIlBhcmVudFN0eWxlIjpudWxsfSwiVmVydGljYWxDb25uZWN0b3JTdHlsZSI6eyIkaWQiOiIzNjkiLCJMaW5lQ29sb3IiOnsiJGlkIjoiMzcwIiwiJHR5cGUiOiJOTFJFLkNvbW1vbi5Eb20uU29saWRDb2xvckJydXNoLCBOTFJFLkNvbW1vbiIsIkNvbG9yIjp7IiRpZCI6IjM3MS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cyIiwiTWFyZ2luIjp7IiRpZCI6IjM3MyIsIlRvcCI6MCwiTGVmdCI6NCwiUmlnaHQiOjQsIkJvdHRvbSI6MH0sIlBhZGRpbmciOnsiJGlkIjoiMzc0IiwiVG9wIjowLCJMZWZ0IjowLCJSaWdodCI6MCwiQm90dG9tIjowfSwiQmFja2dyb3VuZCI6eyIkaWQiOiIzNzUiLCJDb2xvciI6eyIkaWQiOiIzNzYiLCJBIjoyNTUsIlIiOjAsIkciOjExNCwiQiI6MTg4fX0sIklzVmlzaWJsZSI6dHJ1ZSwiV2lkdGgiOjAuMCwiSGVpZ2h0IjoxMC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UaXRsZVN0eWxlIjp7IiRpZCI6IjM4MCIsIkZvbnRTZXR0aW5ncyI6eyIkaWQiOiIzODEiLCJGb250U2l6ZSI6MTEsIkZvbnROYW1lIjoiQ2FsaWJyaSIsIklzQm9sZCI6dHJ1ZSwiSXNJdGFsaWMiOmZhbHNlLCJJc1VuZGVybGluZWQiOmZhbHNlLCJQYXJlbnRTdHlsZSI6bnVsbH0sIkF1dG9TaXplIjowLCJGb3JlZ3JvdW5kIjp7IiRpZCI6IjM4MiIsIkNvbG9yIjp7IiRpZCI6IjM4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kzIiwiVG9wIjowLCJMZWZ0IjowLCJSaWdodCI6MCwiQm90dG9tIjowfSwiUGFkZGluZyI6eyIkaWQiOiIzOTQiLCJUb3AiOjAsIkxlZnQiOjAsIlJpZ2h0IjowLCJCb3R0b20iOjB9LCJCYWNrZ3JvdW5kIjp7IiRpZCI6IjM5NSIsIkNvbG9yIjp7IiRpZCI6IjM5NiIsIkEiOjAsIlIiOjI1NSwiRyI6MjU1LCJCIjoyNTV9fSwiSXNWaXNpYmxlIjp0cnVlLCJXaWR0aCI6MC4wLCJIZWlnaHQiOjAuMCwiQm9yZGVyU3R5bGUiOnsiJGlkIjoiMzk3IiwiTGluZUNvbG9yIjpudWxsLCJMaW5lV2VpZ2h0IjowLjAsIkxpbmVUeXBlIjowLCJQYXJlbnRTdHlsZSI6bnVsbH0sIlBhcmVudFN0eWxlIjpudWxsfSwiRGF0ZUZvcm1hdCI6eyIkaWQiOiIz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QxNSIsIk1hcmdpbiI6eyIkcmVmIjoiMTU1In0sIlBhZGRpbmciOnsiJHJlZiI6IjE1NiJ9LCJCYWNrZ3JvdW5kIjp7IiRpZCI6IjQxNiIsIkNvbG9yIjp7IiRpZCI6IjQxNyIsIkEiOjM4LCJSIjo2OCwiRyI6MTE0LCJCIjoxOTZ9fSwiSXNWaXNpYmxlIjp0cnVlLCJXaWR0aCI6MC4wLCJIZWlnaHQiOjAuMCwiQm9yZGVyU3R5bGUiOnsiJGlkIjoiNDE4IiwiTGluZUNvbG9yIjp7IiRpZCI6IjQxOSIsIiR0eXBlIjoiTkxSRS5Db21tb24uRG9tLlNvbGlkQ29sb3JCcnVzaCwgTkxSRS5Db21tb24iLCJDb2xvciI6eyIkaWQiOiI0MjAiLCJBIjoyNTUsIlIiOjIxLCJHIjozNywiQiI6NjZ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DIxIiwiX2F0dGFjaGVkTWlsZXN0b25lcyI6W10sIlRhc2tEZWZpbml0aW9uIjp7IiRpZCI6IjQyMiIsIkdyb3VwTmFtZSI6IjA3YTM3Nzg2LTc4YzQtNDAxOC05NWI4LTAwNDY0NmY4YTlkNCIsIlN0YXJ0RGF0ZSI6IjIwMTktMTEtMjZUMDA6MDA6MDAiLCJFbmREYXRlIjoiMjAxOS0xMi0xM1QyMzo1OTowMCIsIlBlcmNlbnRhZ2VDb21wbGV0ZSI6bnVsbCwiU3R5bGUiOnsiJGlkIjoiNDIzIiwiU2hhcGUiOjEsIlNoYXBlVGhpY2tuZXNzIjow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yNiIsIkxpbmVDb2xvciI6bnVsbCwiTGluZVdlaWdodCI6MC4wLCJMaW5lVHlwZSI6MCwiUGFyZW50U3R5bGUiOm51bGx9LCJQYXJlbnRTdHlsZSI6bnVsbH0sIkR1cmF0aW9uU3R5bGUiOnsiJGlkIjoiNDI3IiwiRm9udFNldHRpbmdzIjp7IiRpZCI6IjQy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I5IiwiTGluZUNvbG9yIjpudWxsLCJMaW5lV2VpZ2h0IjowLjAsIkxpbmVUeXBlIjowLCJQYXJlbnRTdHlsZSI6bnVsbH0sIlBhcmVudFN0eWxlIjpudWxsfSwiSG9yaXpvbnRhbENvbm5lY3RvclN0eWxlIjp7IiRpZCI6IjQzMCIsIkxpbmVDb2xvciI6eyIkcmVmIjoiOTkifSwiTGluZVdlaWdodCI6MS4wLCJMaW5lVHlwZSI6MCwiUGFyZW50U3R5bGUiOm51bGx9LCJWZXJ0aWNhbENvbm5lY3RvclN0eWxlIjp7IiRpZCI6IjQzMSIsIkxpbmVDb2xvciI6eyIkcmVmIjoiMTAy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0MzIiLCJNYXJnaW4iOnsiJHJlZiI6IjEwNSJ9LCJQYWRkaW5nIjp7IiRyZWYiOiIxMDYifSwiQmFja2dyb3VuZCI6eyIkaWQiOiI0MzMiLCJDb2xvciI6eyIkaWQiOiI0MzQiLCJBIjoyNTUsIlIiOjIzNywiRyI6MTI1LCJCIjo0OX19LCJJc1Zpc2libGUiOnRydWUsIldpZHRoIjowLjAsIkhlaWdodCI6MTA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udWxsfSwiVGl0bGVTdHlsZSI6eyIkaWQiOiI0MzgiLCJGb250U2V0dGluZ3MiOnsiJGlkIjoiNDM5IiwiRm9udFNpemUiOjExLCJGb250TmFtZSI6IkNhbGlicmkiLCJJc0JvbGQiOnRydWUsIklzSXRhbGljIjpmYWxzZSwiSXNVbmRlcmxpbmVkIjpmYWxzZSwiUGFyZW50U3R5bGUiOm51bGx9LCJBdXRvU2l6ZSI6MCwiRm9yZWdyb3VuZCI6eyIkaWQiOiI0NDAiLCJDb2xvciI6eyIkaWQiOiI0NDE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0NDIiLCJDb2xvciI6eyIkaWQiOiI0NDMiLCJBIjowLCJSIjoyNTUsIkciOjI1NSwiQiI6MjU1fX0sIklzVmlzaWJsZSI6dHJ1ZSwiV2lkdGgiOjAuMCwiSGVpZ2h0IjowLjAsIkJvcmRlclN0eWxlIjp7IiRpZCI6IjQ0NCIsIkxpbmVDb2xvciI6bnVsbCwiTGluZVdlaWdodCI6MC4wLCJMaW5lVHlwZSI6MCwiUGFyZW50U3R5bGUiOm51bGx9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UZvcm1hdCI6eyIkaWQiOiI0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2MSIsIkxpbmVDb2xvciI6bnVsbCwiTGluZVdlaWdodCI6MC4wLCJMaW5lVHlwZSI6MCwiUGFyZW50U3R5bGUiOm51bGx9LCJQYXJlbnRTdHlsZSI6bnVsbH0sIkR1cmF0aW9uU3R5bGUiOnsiJGlkIjoiNDYyIiwiRm9udFNldHRpbmdzIjp7IiRpZCI6IjQ2My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Y0IiwiTGluZUNvbG9yIjpudWxsLCJMaW5lV2VpZ2h0IjowLjAsIkxpbmVUeXBlIjowLCJQYXJlbnRTdHlsZSI6bnVsbH0sIlBhcmVudFN0eWxlIjpudWxsfSwiSG9yaXpvbnRhbENvbm5lY3RvclN0eWxlIjp7IiRpZCI6IjQ2NSIsIkxpbmVDb2xvciI6eyIkcmVmIjoiOTkifSwiTGluZVdlaWdodCI6MS4wLCJMaW5lVHlwZSI6MCwiUGFyZW50U3R5bGUiOm51bGx9LCJWZXJ0aWNhbENvbm5lY3RvclN0eWxlIjp7IiRpZCI6IjQ2NiIsIkxpbmVDb2xvciI6eyIkcmVmIjoiMTAy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Dc1IiwiQ29sb3IiOnsiJGlkIjoiNDc2IiwiQSI6MCwiUiI6MjU1LCJHIjoyNTUsIkIiOjI1NX19LCJJc1Zpc2libGUiOnRydWUsIldpZHRoIjowLjAsIkhlaWdodCI6MC4wLCJCb3JkZXJTdHlsZSI6eyIkaWQiOiI0NzciLCJMaW5lQ29sb3IiOm51bGwsIkxpbmVXZWlnaHQiOjAuMCwiTGluZVR5cGUiOjAsIlBhcmVudFN0eWxlIjpudWxsfSwiUGFyZW50U3R5bGUiOm51bGx9LCJEY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5MyIsIkxpbmVDb2xvciI6bnVsbCwiTGluZVdlaWdodCI6MC4wLCJMaW5lVHlwZSI6MCwiUGFyZW50U3R5bGUiOm51bGx9LCJQYXJlbnRTdHlsZSI6bnVsbH0sIkR1cmF0aW9uU3R5bGUiOnsiJGlkIjoiNDk0IiwiRm9udFNldHRpbmdzIjp7IiRpZCI6IjQ5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k2IiwiTGluZUNvbG9yIjpudWxsLCJMaW5lV2VpZ2h0IjowLjAsIkxpbmVUeXBlIjowLCJQYXJlbnRTdHlsZSI6bnVsbH0sIlBhcmVudFN0eWxlIjpudWxsfSwiSG9yaXpvbnRhbENvbm5lY3RvclN0eWxlIjp7IiRpZCI6IjQ5NyIsIkxpbmVDb2xvciI6eyIkcmVmIjoiOTkifSwiTGluZVdlaWdodCI6MS4wLCJMaW5lVHlwZSI6MCwiUGFyZW50U3R5bGUiOm51bGx9LCJWZXJ0aWNhbENvbm5lY3RvclN0eWxlIjp7IiRpZCI6IjQ5OCIsIkxpbmVDb2xvciI6eyIkcmVmIjoiMTAy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m51bGx9LCJEYXRlRm9ybWF0Ijp7IiRpZCI6IjU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UzMyIsIkNvbG9yIjp7IiRpZCI6IjUzNCIsIkEiOjAsIlIiOjI1NSwiRyI6MjU1LCJCIjoyNTV9fSwiSXNWaXNpYmxlIjp0cnVlLCJXaWR0aCI6MC4wLCJIZWlnaHQiOjAuMCwiQm9yZGVyU3R5bGUiOm51bGwsIlBhcmVudFN0eWxlIjpudWxsfSwiRGF0ZVN0eWxlIjp7IiRpZCI6IjUzNSIsIkZvbnRTZXR0aW5ncyI6eyIkaWQiOiI1MzYiLCJGb250U2l6ZSI6MTAsIkZvbnROYW1lIjoiQ2FsaWJyaSIsIklzQm9sZCI6ZmFsc2UsIklzSXRhbGljIjpmYWxzZSwiSXNVbmRlcmxpbmVkIjpmYWxzZSwiUGFyZW50U3R5bGUiOm51bGx9LCJBdXRvU2l6ZSI6MCwiRm9yZWdyb3VuZCI6eyIkaWQiOiI1MzciLCJDb2xvciI6eyIkaWQiOiI1Mz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UzOSIsIkNvbG9yIjp7IiRpZCI6IjU0MCIsIkEiOjAsIlIiOjI1NSwiRyI6MjU1LCJCIjoyNTV9fSwiSXNWaXNpYmxlIjp0cnVlLCJXaWR0aCI6MC4wLCJIZWlnaHQiOjAuMCwiQm9yZGVyU3R5bGUiOm51bGwsIlBhcmVudFN0eWxlIjpudWxsfSwiRGF0ZUZvcm1hdCI6eyIkaWQiOiI1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1NTMiLCJDb2xvciI6eyIkaWQiOiI1NTQiLCJBIjowLCJSIjoyNTUsIkciOjI1NSwiQiI6MjU1fX0sIklzVmlzaWJsZSI6dHJ1ZSwiV2lkdGgiOjAuMCwiSGVpZ2h0IjowLjAsIkJvcmRlclN0eWxlIjpudWxsLCJQYXJlbnRTdHlsZSI6bnVsbH0sIkRhdGVTdHlsZSI6eyIkaWQiOiI1NTUiLCJGb250U2V0dGluZ3MiOnsiJGlkIjoiNTU2IiwiRm9udFNpemUiOjEwLCJGb250TmFtZSI6IkNhbGlicmkiLCJJc0JvbGQiOmZhbHNlLCJJc0l0YWxpYyI6ZmFsc2UsIklzVW5kZXJsaW5lZCI6ZmFsc2UsIlBhcmVudFN0eWxlIjpudWxsfSwiQXV0b1NpemUiOjAsIkZvcmVncm91bmQiOnsiJGlkIjoiNTU3IiwiQ29sb3IiOnsiJGlkIjoiNTU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U3MCIsIkZvbnRTZXR0aW5ncyI6eyIkaWQiOiI1N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1OTciLCJMaW5lQ29sb3IiOm51bGwsIkxpbmVXZWlnaHQiOjAuMCwiTGluZVR5cGUiOjAsIlBhcmVudFN0eWxlIjpudWxsfSwiUGFyZW50U3R5bGUiOm51bGx9LCJEdXJhdGlvblN0eWxlIjp7IiRpZCI6IjU5OCIsIkZvbnRTZXR0aW5ncyI6eyIkaWQiOiI1OTk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YwMCIsIkxpbmVDb2xvciI6bnVsbCwiTGluZVdlaWdodCI6MC4wLCJMaW5lVHlwZSI6MCwiUGFyZW50U3R5bGUiOm51bGx9LCJQYXJlbnRTdHlsZSI6bnVsbH0sIkhvcml6b250YWxDb25uZWN0b3JTdHlsZSI6eyIkaWQiOiI2MDEiLCJMaW5lQ29sb3IiOnsiJHJlZiI6Ijk5In0sIkxpbmVXZWlnaHQiOjEuMCwiTGluZVR5cGUiOjAsIlBhcmVudFN0eWxlIjpudWxsfSwiVmVydGljYWxDb25uZWN0b3JTdHlsZSI6eyIkaWQiOiI2MDIiLCJMaW5lQ29sb3IiOnsiJHJlZiI6IjEwMi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NjEzIiwiQ29sb3IiOnsiJGlkIjoiNjE0IiwiQSI6MCwiUiI6MjU1LCJHIjoyNTUsIkIiOjI1NX19LCJJc1Zpc2libGUiOnRydWUsIldpZHRoIjowLjAsIkhlaWdodCI6MC4wLCJCb3JkZXJTdHlsZSI6eyIkaWQiOiI2MTUiLCJMaW5lQ29sb3IiOm51bGwsIkxpbmVXZWlnaHQiOjAuMCwiTGluZVR5cGUiOjAsIlBhcmVudFN0eWxlIjpudWxsfSwiUGFyZW50U3R5bGUiOm51bGx9LCJEYXRl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aWQiOiI2MjAiLCJDb2xvciI6eyIkaWQiOiI2MjEiLCJBIjowLCJSIjoyNTUsIkciOjI1NSwiQiI6MjU1fX0sIklzVmlzaWJsZSI6dHJ1ZSwiV2lkdGgiOjAuMCwiSGVpZ2h0IjowLjAsIkJvcmRlclN0eWxlIjp7IiRpZCI6IjYyMiIsIkxpbmVDb2xvciI6bnVsbCwiTGluZVdlaWdodCI6MC4wLCJMaW5lVHlwZSI6MCwiUGFyZW50U3R5bGUiOm51bGx9LCJQYXJlbnRTdHlsZSI6bnVsbH0sIkRhdGVGb3JtYXQiOnsiJGlkIjoiN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jMyIiwiTGluZUNvbG9yIjpudWxsLCJMaW5lV2VpZ2h0IjowLjAsIkxpbmVUeXBlIjowLCJQYXJlbnRTdHlsZSI6bnVsbH0sIlBhcmVudFN0eWxlIjpudWxsfSwiRHVyYXRpb25TdHlsZSI6eyIkaWQiOiI2MzMiLCJGb250U2V0dGluZ3MiOnsiJGlkIjoiNjM0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2MzUiLCJMaW5lQ29sb3IiOm51bGwsIkxpbmVXZWlnaHQiOjAuMCwiTGluZVR5cGUiOjAsIlBhcmVudFN0eWxlIjpudWxsfSwiUGFyZW50U3R5bGUiOm51bGx9LCJIb3Jpem9udGFsQ29ubmVjdG9yU3R5bGUiOnsiJGlkIjoiNjM2IiwiTGluZUNvbG9yIjp7IiRyZWYiOiI5OSJ9LCJMaW5lV2VpZ2h0IjoxLjAsIkxpbmVUeXBlIjowLCJQYXJlbnRTdHlsZSI6bnVsbH0sIlZlcnRpY2FsQ29ubmVjdG9yU3R5bGUiOnsiJGlkIjoiNjM3IiwiTGluZUNvbG9yIjp7IiRyZWYiOiIxMDI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VN0eWxlIjp7IiRpZCI6IjY0OSIsIkZvbnRTZXR0aW5ncyI6eyIkaWQiOiI2NTAiLCJGb250U2l6ZSI6MTAsIkZvbnROYW1lIjoiQ2FsaWJyaSIsIklzQm9sZCI6ZmFsc2UsIklzSXRhbGljIjpmYWxzZSwiSXNVbmRlcmxpbmVkIjpmYWxzZSwiUGFyZW50U3R5bGUiOm51bGx9LCJBdXRvU2l6ZSI6MCwiRm9yZWdyb3VuZCI6eyIkaWQiOiI2NTEiLCJDb2xvciI6eyIkaWQiOiI2N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2NjkiLCJDb2xvciI6eyIkaWQiOiI2NzAiLCJBIjowLCJSIjoyNTUsIkciOjI1NSwiQiI6MjU1fX0sIklzVmlzaWJsZSI6dHJ1ZSwiV2lkdGgiOjAuMCwiSGVpZ2h0IjowLjAsIkJvcmRlclN0eWxlIjpudWxsLCJQYXJlbnRTdHlsZSI6bnVsbH0sIkRhdGVTdHlsZSI6eyIkaWQiOiI2NzEiLCJGb250U2V0dGluZ3MiOnsiJGlkIjoiNjcyIiwiRm9udFNpemUiOjEwLCJGb250TmFtZSI6IkNhbGlicmkiLCJJc0JvbGQiOmZhbHNlLCJJc0l0YWxpYyI6ZmFsc2UsIklzVW5kZXJsaW5lZCI6ZmFsc2UsIlBhcmVudFN0eWxlIjpudWxsfSwiQXV0b1NpemUiOjAsIkZvcmVncm91bmQiOnsiJGlkIjoiNjczIiwiQ29sb3IiOnsiJGlkIjoiNjc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NzUiLCJDb2xvciI6eyIkaWQiOiI2NzYiLCJBIjowLCJSIjoyNTUsIkciOjI1NSwiQiI6MjU1fX0sIklzVmlzaWJsZSI6dHJ1ZSwiV2lkdGgiOjAuMCwiSGVpZ2h0IjowLjAsIkJvcmRlclN0eWxlIjpudWxsLCJQYXJlbnRTdHlsZSI6bnVsbH0sIkRhdGVGb3JtYXQiOnsiJGlkIjoiNj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Njg5IiwiQ29sb3IiOnsiJGlkIjoiNjkwIiwiQSI6MCwiUiI6MjU1LCJHIjoyNTUsIkIiOjI1NX19LCJJc1Zpc2libGUiOnRydWUsIldpZHRoIjowLjAsIkhlaWdodCI6MC4wLCJCb3JkZXJTdHlsZSI6bnVsbCwiUGFyZW50U3R5bGUiOm51bGx9LCJEYXRlU3R5bGUiOnsiJGlkIjoiNjkxIiwiRm9udFNldHRpbmdzIjp7IiRpZCI6IjY5MiIsIkZvbnRTaXplIjoxMCwiRm9udE5hbWUiOiJDYWxpYnJpIiwiSXNCb2xkIjpmYWxzZSwiSXNJdGFsaWMiOmZhbHNlLCJJc1VuZGVybGluZWQiOmZhbHNlLCJQYXJlbnRTdHlsZSI6bnVsbH0sIkF1dG9TaXplIjowLCJGb3JlZ3JvdW5kIjp7IiRpZCI6IjY5MyIsIkNvbG9yIjp7IiRpZCI6IjY5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jk1IiwiQ29sb3IiOnsiJGlkIjoiNjk2IiwiQSI6MCwiUiI6MjU1LCJHIjoyNTUsIkIiOjI1NX19LCJJc1Zpc2libGUiOnRydWUsIldpZHRoIjowLjAsIkhlaWdodCI6MC4wLCJCb3JkZXJTdHlsZSI6bnVsbCwiUGFyZW50U3R5bGUiOm51bGx9LCJEYXRlRm9ybWF0Ijp7IiRpZCI6IjY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NzA5IiwiQ29sb3IiOnsiJGlkIjoiNzEwIiwiQSI6MCwiUiI6MjU1LCJHIjoyNTUsIkIiOjI1NX19LCJJc1Zpc2libGUiOnRydWUsIldpZHRoIjowLjAsIkhlaWdodCI6MC4wLCJCb3JkZXJTdHlsZSI6bnVsbCwiUGFyZW50U3R5bGUiOm51bGx9LCJEYXRlU3R5bGUiOnsiJGlkIjoiNzExIiwiRm9udFNldHRpbmdzIjp7IiRpZCI6IjcxMiIsIkZvbnRTaXplIjoxMCwiRm9udE5hbWUiOiJDYWxpYnJpIiwiSXNCb2xkIjpmYWxzZSwiSXNJdGFsaWMiOmZhbHNlLCJJc1VuZGVybGluZWQiOmZhbHNlLCJQYXJlbnRTdHlsZSI6bnVsbH0sIkF1dG9TaXplIjowLCJGb3JlZ3JvdW5kIjp7IiRpZCI6IjcxMyIsIkNvbG9yIjp7IiRpZCI6Ijcx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MjYiLCJGb250U2V0dGluZ3MiOnsiJGlkIjoiNz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zUzIiwiTGluZUNvbG9yIjpudWxsLCJMaW5lV2VpZ2h0IjowLjAsIkxpbmVUeXBlIjowLCJQYXJlbnRTdHlsZSI6bnVsbH0sIlBhcmVudFN0eWxlIjpudWxsfSwiRHVyYXRpb25TdHlsZSI6eyIkaWQiOiI3NTQiLCJGb250U2V0dGluZ3MiOnsiJGlkIjoiNzU1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3NTYiLCJMaW5lQ29sb3IiOm51bGwsIkxpbmVXZWlnaHQiOjAuMCwiTGluZVR5cGUiOjAsIlBhcmVudFN0eWxlIjpudWxsfSwiUGFyZW50U3R5bGUiOm51bGx9LCJIb3Jpem9udGFsQ29ubmVjdG9yU3R5bGUiOnsiJGlkIjoiNzU3IiwiTGluZUNvbG9yIjp7IiRyZWYiOiI5OSJ9LCJMaW5lV2VpZ2h0IjoxLjAsIkxpbmVUeXBlIjowLCJQYXJlbnRTdHlsZSI6bnVsbH0sIlZlcnRpY2FsQ29ubmVjdG9yU3R5bGUiOnsiJGlkIjoiNzU4IiwiTGluZUNvbG9yIjp7IiRyZWYiOiIxMDI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Nzc2IiwiQ29sb3IiOnsiJGlkIjoiNzc3IiwiQSI6MCwiUiI6MjU1LCJHIjoyNTUsIkIiOjI1NX19LCJJc1Zpc2libGUiOnRydWUsIldpZHRoIjowLjAsIkhlaWdodCI6MC4wLCJCb3JkZXJTdHlsZSI6eyIkaWQiOiI3NzgiLCJMaW5lQ29sb3IiOm51bGwsIkxpbmVXZWlnaHQiOjAuMCwiTGluZVR5cGUiOjAsIlBhcmVudFN0eWxlIjpudWxsfSwiUGFyZW50U3R5bGUiOm51bGx9LCJEYXRlRm9ybWF0Ijp7IiRpZCI6Ijc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c4OCIsIkxpbmVDb2xvciI6bnVsbCwiTGluZVdlaWdodCI6MC4wLCJMaW5lVHlwZSI6MCwiUGFyZW50U3R5bGUiOm51bGx9LCJQYXJlbnRTdHlsZSI6bnVsbH0sIkR1cmF0aW9uU3R5bGUiOnsiJGlkIjoiNzg5IiwiRm9udFNldHRpbmdzIjp7IiRpZCI6Ijc5M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zkxIiwiTGluZUNvbG9yIjpudWxsLCJMaW5lV2VpZ2h0IjowLjAsIkxpbmVUeXBlIjowLCJQYXJlbnRTdHlsZSI6bnVsbH0sIlBhcmVudFN0eWxlIjpudWxsfSwiSG9yaXpvbnRhbENvbm5lY3RvclN0eWxlIjp7IiRpZCI6Ijc5MiIsIkxpbmVDb2xvciI6eyIkcmVmIjoiOTkifSwiTGluZVdlaWdodCI6MS4wLCJMaW5lVHlwZSI6MCwiUGFyZW50U3R5bGUiOm51bGx9LCJWZXJ0aWNhbENvbm5lY3RvclN0eWxlIjp7IiRpZCI6Ijc5MyIsIkxpbmVDb2xvciI6eyIkcmVmIjoiMTAy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3OTQiLCJNYXJnaW4iOnsiJHJlZiI6IjEwNSJ9LCJQYWRkaW5nIjp7IiRyZWYiOiIxMDYifSwiQmFja2dyb3VuZCI6eyIkaWQiOiI3OTUiLCJDb2xvciI6eyIkaWQiOiI3OTYiLCJBIjoyNTUsIlIiOjAsIkciOjExNCwiQiI6MTg4fX0sIklzVmlzaWJsZSI6dHJ1ZSwiV2lkdGgiOjAuMCwiSGVpZ2h0IjoxMC4wLCJCb3JkZXJTdHlsZSI6eyIkaWQiOiI3OTciLCJMaW5lQ29sb3IiOnsiJHJlZiI6Ijc2MyJ9LCJMaW5lV2VpZ2h0IjowLjAsIkxpbmVUeXBlIjowLCJQYXJlbnRTdHlsZSI6bnVsbH0sIlBhcmVudFN0eWxlIjpudWxsfS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MjAiLCJMaW5lQ29sb3IiOm51bGwsIkxpbmVXZWlnaHQiOjAuMCwiTGluZVR5cGUiOjAsIlBhcmVudFN0eWxlIjpudWxsfSwiUGFyZW50U3R5bGUiOm51bGx9LCJEdXJhdGlvblN0eWxlIjp7IiRpZCI6IjgyMSIsIkZvbnRTZXR0aW5ncyI6eyIkaWQiOiI4Mj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yMyIsIkxpbmVDb2xvciI6bnVsbCwiTGluZVdlaWdodCI6MC4wLCJMaW5lVHlwZSI6MCwiUGFyZW50U3R5bGUiOm51bGx9LCJQYXJlbnRTdHlsZSI6bnVsbH0sIkhvcml6b250YWxDb25uZWN0b3JTdHlsZSI6eyIkaWQiOiI4MjQiLCJMaW5lQ29sb3IiOnsiJHJlZiI6Ijk5In0sIkxpbmVXZWlnaHQiOjEuMCwiTGluZVR5cGUiOjAsIlBhcmVudFN0eWxlIjpudWxsfSwiVmVydGljYWxDb25uZWN0b3JTdHlsZSI6eyIkaWQiOiI4MjUiLCJMaW5lQ29sb3IiOnsiJHJlZiI6IjEwMiJ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4NTIiLCJMaW5lQ29sb3IiOm51bGwsIkxpbmVXZWlnaHQiOjAuMCwiTGluZVR5cGUiOjAsIlBhcmVudFN0eWxlIjpudWxsfSwiUGFyZW50U3R5bGUiOm51bGx9LCJEdXJhdGlvblN0eWxlIjp7IiRpZCI6Ijg1MyIsIkZvbnRTZXR0aW5ncyI6eyIkaWQiOiI4NT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g3NSIsIkNvbG9yIjp7IiRpZCI6Ijg3NiIsIkEiOjAsIlIiOjI1NSwiRyI6MjU1LCJCIjoyNTV9fSwiSXNWaXNpYmxlIjp0cnVlLCJXaWR0aCI6MC4wLCJIZWlnaHQiOjAuMCwiQm9yZGVyU3R5bGUiOnsiJGlkIjoiODc3IiwiTGluZUNvbG9yIjpudWxsLCJMaW5lV2VpZ2h0IjowLjAsIkxpbmVUeXBlIjowLCJQYXJlbnRTdHlsZSI6bnVsbH0sIlBhcmVudFN0eWxlIjpudWxsfSwiRGF0ZUZvcm1hdCI6eyIkaWQiOiI4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Dg3IiwiTGluZUNvbG9yIjpudWxsLCJMaW5lV2VpZ2h0IjowLjAsIkxpbmVUeXBlIjowLCJQYXJlbnRTdHlsZSI6bnVsbH0sIlBhcmVudFN0eWxlIjpudWxsfSwiRHVyYXRpb25TdHlsZSI6eyIkaWQiOiI4ODgiLCJGb250U2V0dGluZ3MiOnsiJGlkIjoiODg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4OTAiLCJMaW5lQ29sb3IiOm51bGwsIkxpbmVXZWlnaHQiOjAuMCwiTGluZVR5cGUiOjAsIlBhcmVudFN0eWxlIjpudWxsfSwiUGFyZW50U3R5bGUiOm51bGx9LCJIb3Jpem9udGFsQ29ubmVjdG9yU3R5bGUiOnsiJGlkIjoiODkxIiwiTGluZUNvbG9yIjp7IiRyZWYiOiI5OSJ9LCJMaW5lV2VpZ2h0IjoxLjAsIkxpbmVUeXBlIjowLCJQYXJlbnRTdHlsZSI6bnVsbH0sIlZlcnRpY2FsQ29ubmVjdG9yU3R5bGUiOnsiJGlkIjoiODkyIiwiTGluZUNvbG9yIjp7IiRyZWYiOiIxMDIi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OTEwIiwiQ29sb3IiOnsiJGlkIjoiOTExIiwiQSI6MCwiUiI6MjU1LCJHIjoyNTUsIkIiOjI1NX19LCJJc1Zpc2libGUiOnRydWUsIldpZHRoIjowLjAsIkhlaWdodCI6MC4wLCJCb3JkZXJTdHlsZSI6eyIkaWQiOiI5MTIiLCJMaW5lQ29sb3IiOm51bGwsIkxpbmVXZWlnaHQiOjAuMCwiTGluZVR5cGUiOjAsIlBhcmVudFN0eWxlIjpudWxsfSwiUGFyZW50U3R5bGUiOm51bGx9LCJEYXRlRm9ybWF0Ijp7IiRpZCI6Ijk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kyMiIsIkxpbmVDb2xvciI6bnVsbCwiTGluZVdlaWdodCI6MC4wLCJMaW5lVHlwZSI6MCwiUGFyZW50U3R5bGUiOm51bGx9LCJQYXJlbnRTdHlsZSI6bnVsbH0sIkR1cmF0aW9uU3R5bGUiOnsiJGlkIjoiOTIzIiwiRm9udFNldHRpbmdzIjp7IiRpZCI6Ijky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5NTQiLCJMaW5lQ29sb3IiOm51bGwsIkxpbmVXZWlnaHQiOjAuMCwiTGluZVR5cGUiOjAsIlBhcmVudFN0eWxlIjpudWxsfSwiUGFyZW50U3R5bGUiOm51bGx9LCJEdXJhdGlvblN0eWxlIjp7IiRpZCI6Ijk1NSIsIkZvbnRTZXR0aW5ncyI6eyIkaWQiOiI5NTY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k1NyIsIkxpbmVDb2xvciI6bnVsbCwiTGluZVdlaWdodCI6MC4wLCJMaW5lVHlwZSI6MCwiUGFyZW50U3R5bGUiOm51bGx9LCJQYXJlbnRTdHlsZSI6bnVsbH0sIkhvcml6b250YWxDb25uZWN0b3JTdHlsZSI6eyIkaWQiOiI5NTgiLCJMaW5lQ29sb3IiOnsiJHJlZiI6Ijk5In0sIkxpbmVXZWlnaHQiOjEuMCwiTGluZVR5cGUiOjAsIlBhcmVudFN0eWxlIjpudWxsfSwiVmVydGljYWxDb25uZWN0b3JTdHlsZSI6eyIkaWQiOiI5NTkiLCJMaW5lQ29sb3IiOnsiJHJlZiI6IjEwMiJ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5ODkiLCJMaW5lQ29sb3IiOm51bGwsIkxpbmVXZWlnaHQiOjAuMCwiTGluZVR5cGUiOjAsIlBhcmVudFN0eWxlIjpudWxsfSwiUGFyZW50U3R5bGUiOm51bGx9LCJIb3Jpem9udGFsQ29ubmVjdG9yU3R5bGUiOnsiJGlkIjoiOTkwIiwiTGluZUNvbG9yIjp7IiRyZWYiOiI5OSJ9LCJMaW5lV2VpZ2h0IjoxLjAsIkxpbmVUeXBlIjowLCJQYXJlbnRTdHlsZSI6bnVsbH0sIlZlcnRpY2FsQ29ubmVjdG9yU3R5bGUiOnsiJGlkIjoiOTkxIiwiTGluZUNvbG9yIjp7IiRyZWYiOiIxMDI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MDE4IiwiTGluZUNvbG9yIjpudWxsLCJMaW5lV2VpZ2h0IjowLjAsIkxpbmVUeXBlIjowLCJQYXJlbnRTdHlsZSI6bnVsbH0sIlBhcmVudFN0eWxlIjpudWxsfSwiRHVyYXRpb25TdHlsZSI6eyIkaWQiOiIxMDE5IiwiRm9udFNldHRpbmdzIjp7IiRpZCI6IjEwMj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UzIiwiRm9udFNldHRpbmdzIjp7IiRpZCI6IjEwNT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A2NCIsIkZvbnRTZXR0aW5ncyI6eyIkaWQiOiIxMD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2IiwiRm9udFNldHRpbmdzIjp7IiRpZCI6IjEwOD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MTA5NyIsIkZvbnRTZXR0aW5ncyI6eyIkaWQiOiIxMDk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EwNCIsIlVzZVRpbWUiOmZhbHNlLCJXb3JrRGF5U3RhcnQiOiIwMDowMDowMCIsIldvcmtEYXlFbmQiOiIyMzo1OTowMCJ9LCJMYXN0VXNlZFRlbXBsYXRlSWQiOiJjYzI2Zjg2My0yN2NlLTQ4MGUtYTU4OS1iM2YxMmYyZDZlYjAiLCJGaXJzdFdlZWtPZlllYXIiOjB9"/>
  <p:tag name="__MASTER" val="__part_0"/>
</p:tagLst>
</file>

<file path=ppt/tags/tag2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12-27T00:00:00.0000000"/>
  <p:tag name="OTLENDDATE" val="2020-03-05T23:59:00.0000000"/>
  <p:tag name="OTLDURATIONFORMAT" val="day"/>
  <p:tag name="OTLSHAPETHICKNESSTYPE" val="Thin"/>
  <p:tag name="OTLSPACING" val="3"/>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3-27T00:00:00.0000000Z"/>
  <p:tag name="OTLENDDATE" val="2020-06-19T23:59:00.0000000Z"/>
  <p:tag name="OTLDURATIONFORMAT" val="day"/>
  <p:tag name="OTLSHAPETHICKNESSTYPE" val="Thin"/>
  <p:tag name="OTLSPACING" val="3"/>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3-18T00:00:00.0000000Z"/>
  <p:tag name="OTLENDDATE" val="2020-05-05T23:59:00.0000000Z"/>
  <p:tag name="OTLDURATIONFORMAT" val="day"/>
  <p:tag name="OTLSHAPETHICKNESSTYPE" val="Thin"/>
  <p:tag name="OTLSPACING" val="3"/>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HAPETHICKNESSTYPE" val="Thin"/>
  <p:tag name="OTLSTARTDATE" val="2019-11-26T00:00:00.0000000"/>
  <p:tag name="OTLENDDATE" val="2019-12-13T23:59:00.0000000"/>
  <p:tag name="OTLSPACING" val="3"/>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1-08T00:00:00.0000000Z"/>
  <p:tag name="OTLENDDATE" val="2020-03-02T23:59:00.0000000Z"/>
  <p:tag name="OTLDURATIONFORMAT" val="day"/>
  <p:tag name="OTLSHAPETHICKNESSTYPE" val="Thin"/>
  <p:tag name="OTLSPACING" val="3"/>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3-12T23:59:00.0000000Z"/>
  <p:tag name="OTLENDDATE" val="2020-08-14T23:59:00.0000000Z"/>
  <p:tag name="OTLDURATIONFORMAT" val="day"/>
  <p:tag name="OTLSHAPETHICKNESSTYPE" val="Thin"/>
  <p:tag name="OTLSPACING" val="3"/>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2-01T23:59:00.0000000Z"/>
  <p:tag name="OTLENDDATE" val="2020-04-23T23:59:00.0000000Z"/>
  <p:tag name="OTLDURATIONFORMAT" val="day"/>
  <p:tag name="OTLSHAPETHICKNESSTYPE" val="Thin"/>
  <p:tag name="OTLSPACING" val="3"/>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2-03T00:00:00.0000000Z"/>
  <p:tag name="OTLENDDATE" val="2020-06-10T23:59:00.0000000Z"/>
  <p:tag name="OTLDURATIONFORMAT" val="day"/>
  <p:tag name="OTLSHAPETHICKNESSTYPE" val="Thin"/>
  <p:tag name="OTLSPACING" val="3"/>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7-20T00:00:00.0000000Z"/>
  <p:tag name="OTLENDDATE" val="2020-09-29T23:59:00.0000000Z"/>
  <p:tag name="OTLDURATIONFORMAT" val="day"/>
  <p:tag name="OTLSHAPETHICKNESSTYPE" val="Thin"/>
  <p:tag name="OTLSPACING" val="3"/>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3-09T23:59:00.0000000Z"/>
  <p:tag name="OTLENDDATE" val="2020-10-31T23:59:00.0000000Z"/>
  <p:tag name="OTLDURATIONFORMAT" val="day"/>
  <p:tag name="OTLSHAPETHICKNESSTYPE" val="Thin"/>
  <p:tag name="OTLSPACING" val="3"/>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1-15T00:00:00.0000000Z"/>
  <p:tag name="OTLENDDATE" val="2020-02-26T23:59:00.0000000Z"/>
  <p:tag name="OTLDURATIONFORMAT" val="day"/>
  <p:tag name="OTLSHAPETHICKNESSTYPE" val="Thin"/>
  <p:tag name="OTLSPACING" val="3"/>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3-01T00:00:00.0000000Z"/>
  <p:tag name="OTLENDDATE" val="2020-06-08T23:59:00.0000000Z"/>
  <p:tag name="OTLDURATIONFORMAT" val="day"/>
  <p:tag name="OTLSHAPETHICKNESSTYPE" val="Thin"/>
  <p:tag name="OTLSPACING" val="3"/>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6-08T00:00:00.0000000Z"/>
  <p:tag name="OTLENDDATE" val="2020-10-16T23:59:00.0000000Z"/>
  <p:tag name="OTLDURATIONFORMAT" val="day"/>
  <p:tag name="OTLSHAPETHICKNESSTYPE" val="Thin"/>
  <p:tag name="OTLSPACING" val="3"/>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12-16T00:00:00.0000000Z"/>
  <p:tag name="OTLENDDATE" val="2020-06-19T23:59:00.0000000Z"/>
  <p:tag name="OTLDURATIONFORMAT" val="day"/>
  <p:tag name="OTLSHAPETHICKNESSTYPE" val="Thin"/>
  <p:tag name="OTLSPACING" val="3"/>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5-22T00:00:00.0000000Z"/>
  <p:tag name="OTLENDDATE" val="2020-08-18T23:59:00.0000000Z"/>
  <p:tag name="OTLDURATIONFORMAT" val="day"/>
  <p:tag name="OTLSPACING" val="3"/>
  <p:tag name="OTLSHAPETHICKNESSTYPE" val="Th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11T00:00:00.0000000Z"/>
  <p:tag name="OTLENDDATE" val="2020-10-28T23:59:00.0000000Z"/>
  <p:tag name="OTLDURATIONFORMAT" val="day"/>
  <p:tag name="OTLSPACING" val="3"/>
  <p:tag name="OTLSHAPETHICKNESSTYPE" val="Th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13T00:00:00.0000000Z"/>
  <p:tag name="OTLENDDATE" val="2020-11-03T23:59:00.0000000Z"/>
  <p:tag name="OTLDURATIONFORMAT" val="day"/>
  <p:tag name="OTLSPACING" val="3"/>
  <p:tag name="OTLSHAPETHICKNESSTYPE" val="Th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22T00:00:00.0000000Z"/>
  <p:tag name="OTLENDDATE" val="2020-11-03T23:59:00.0000000Z"/>
  <p:tag name="OTLDURATIONFORMAT" val="day"/>
  <p:tag name="OTLSPACING" val="3"/>
  <p:tag name="OTLSHAPETHICKNESSTYPE" val="Th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09-08T23:59:00.0000000Z"/>
  <p:tag name="OTLENDDATE" val="2021-01-18T23:59:00.0000000Z"/>
  <p:tag name="OTLDURATIONFORMAT" val="day"/>
  <p:tag name="OTLSPACING" val="3"/>
  <p:tag name="OTLSHAPETHICKNESSTYPE" val="Th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21T23:59:00.0000000Z"/>
  <p:tag name="OTLENDDATE" val="2021-01-15T23:59:00.0000000Z"/>
  <p:tag name="OTLDURATIONFORMAT" val="day"/>
  <p:tag name="OTLSPACING" val="3"/>
  <p:tag name="OTLSHAPETHICKNESSTYPE" val="Th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0-10-22T00:00:00.0000000Z"/>
  <p:tag name="OTLDURATIONFORMAT" val="day"/>
  <p:tag name="OTLSPACING" val="3"/>
  <p:tag name="OTLSHAPETHICKNESSTYPE" val="Thin"/>
  <p:tag name="OTLENDDATE" val="2021-01-15T23:59:00.0000000Z"/>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V"/>
  <p:tag name="OTLDATE" val="2020-08-12T23:59:00.0000000"/>
  <p:tag name="OTLPOSITIONONTASK" val="None"/>
  <p:tag name="OTLRELATEDTASKID" val="00000000-0000-0000-0000-000000000000"/>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V"/>
  <p:tag name="OTLDATE" val="2020-09-10T23:59:00.0000000"/>
  <p:tag name="OTLPOSITIONONTASK" val="None"/>
  <p:tag name="OTLRELATEDTASKID" val="00000000-0000-0000-0000-000000000000"/>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V"/>
  <p:tag name="OTLDATE" val="2020-09-15T23:59:00.0000000"/>
  <p:tag name="OTLPOSITIONONTASK" val="None"/>
  <p:tag name="OTLRELATEDTASKID" val="00000000-0000-0000-0000-000000000000"/>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SIV"/>
  <p:tag name="OTLDATE" val="2020-10-12T23:59:00.0000000"/>
  <p:tag name="OTLPOSITIONONTASK" val="None"/>
  <p:tag name="OTLRELATEDTASKID" val="00000000-0000-0000-0000-000000000000"/>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TODAYPOSITION" val="Auto"/>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13439</TotalTime>
  <Words>4712</Words>
  <Application>Microsoft Office PowerPoint</Application>
  <PresentationFormat>On-screen Show (4:3)</PresentationFormat>
  <Paragraphs>728</Paragraphs>
  <Slides>39</Slides>
  <Notes>26</Notes>
  <HiddenSlides>0</HiddenSlides>
  <MMClips>0</MMClips>
  <ScaleCrop>false</ScaleCrop>
  <HeadingPairs>
    <vt:vector size="6" baseType="variant">
      <vt:variant>
        <vt:lpstr>Fonts Used</vt:lpstr>
      </vt:variant>
      <vt:variant>
        <vt:i4>19</vt:i4>
      </vt:variant>
      <vt:variant>
        <vt:lpstr>Theme</vt:lpstr>
      </vt:variant>
      <vt:variant>
        <vt:i4>1</vt:i4>
      </vt:variant>
      <vt:variant>
        <vt:lpstr>Slide Titles</vt:lpstr>
      </vt:variant>
      <vt:variant>
        <vt:i4>39</vt:i4>
      </vt:variant>
    </vt:vector>
  </HeadingPairs>
  <TitlesOfParts>
    <vt:vector size="59" baseType="lpstr">
      <vt:lpstr>AdvOT1ef757c0</vt:lpstr>
      <vt:lpstr>AdvOT7d6df7ab.I</vt:lpstr>
      <vt:lpstr>AdvP4114E6</vt:lpstr>
      <vt:lpstr>AdvP479F8A</vt:lpstr>
      <vt:lpstr>Arial</vt:lpstr>
      <vt:lpstr>Bliss-Heavy</vt:lpstr>
      <vt:lpstr>Bliss-Medium</vt:lpstr>
      <vt:lpstr>Bliss-Regular</vt:lpstr>
      <vt:lpstr>Calibri</vt:lpstr>
      <vt:lpstr>Calibri Light</vt:lpstr>
      <vt:lpstr>GaramondThree</vt:lpstr>
      <vt:lpstr>helvetica neue</vt:lpstr>
      <vt:lpstr>LLJGE F+ Adv P A 183</vt:lpstr>
      <vt:lpstr>Minion-Regular</vt:lpstr>
      <vt:lpstr>Open Sans</vt:lpstr>
      <vt:lpstr>Optima</vt:lpstr>
      <vt:lpstr>Segoe UI</vt:lpstr>
      <vt:lpstr>Times New Roman</vt:lpstr>
      <vt:lpstr>TimesNewRomanPS</vt:lpstr>
      <vt:lpstr>Office Theme</vt:lpstr>
      <vt:lpstr>PowerPoint Presentation</vt:lpstr>
      <vt:lpstr>ROSuvastatin Evaluation as a Tuberculosis Treatment Adjunct </vt:lpstr>
      <vt:lpstr>PowerPoint Presentation</vt:lpstr>
      <vt:lpstr>Host Directed Therapy (HDT) for TB </vt:lpstr>
      <vt:lpstr>PowerPoint Presentation</vt:lpstr>
      <vt:lpstr>Statins showed improved outcomes in patients with bacterial infections</vt:lpstr>
      <vt:lpstr>Timeline: Cholesterol, TB and statins</vt:lpstr>
      <vt:lpstr>TACO protein (Coronin-1) prevents phagolysosomal fusion</vt:lpstr>
      <vt:lpstr>Timeline: Cholesterol, Statins and TB</vt:lpstr>
      <vt:lpstr>Cholesterol is essential for growth and virulence of Mtb </vt:lpstr>
      <vt:lpstr>Timeline: Cholesterol, Statins and TB</vt:lpstr>
      <vt:lpstr>Statins mechanism of action in tuberculosis</vt:lpstr>
      <vt:lpstr>In Vitro and In Vivo data supporting the efficacy of Statins against Mtb</vt:lpstr>
      <vt:lpstr>Statins reduce Mtb Viability and work synergistically with anti-TB drugs</vt:lpstr>
      <vt:lpstr>Rosuvastatin and Simvastatin reduced bacillary burden in murine model</vt:lpstr>
      <vt:lpstr>Statin reduced time to culture negative lungs – Dutta 2016</vt:lpstr>
      <vt:lpstr>Statins reduced risk of relapse in a chronic TB mouse model</vt:lpstr>
      <vt:lpstr>Designing a HDT TB trial</vt:lpstr>
      <vt:lpstr>PowerPoint Presentation</vt:lpstr>
      <vt:lpstr>Which Statin? </vt:lpstr>
      <vt:lpstr>The right dose of Rosuvastatin</vt:lpstr>
      <vt:lpstr>What duration of treatment</vt:lpstr>
      <vt:lpstr>Placebo controlled, double blind RCT</vt:lpstr>
      <vt:lpstr>Placebo Controlled Open Label Double Blind RCT </vt:lpstr>
      <vt:lpstr>154 Patients recruited across 5 sites</vt:lpstr>
      <vt:lpstr>PowerPoint Presentation</vt:lpstr>
      <vt:lpstr>PowerPoint Presentation</vt:lpstr>
      <vt:lpstr>Other outcome measures</vt:lpstr>
      <vt:lpstr>Molecular Bacterial Load</vt:lpstr>
      <vt:lpstr>Biomarker Sub-study 1. Blood Metabolomics 2. Plasma Cytokine</vt:lpstr>
      <vt:lpstr>Biomarker Sub-study 3. Whole Blood Transcriptomics</vt:lpstr>
      <vt:lpstr>Biomarker Sub-study 4. Bacterial transcriptome in sputum</vt:lpstr>
      <vt:lpstr>Biomarker Sub-study 5. PET-CT</vt:lpstr>
      <vt:lpstr>PowerPoint Presentation</vt:lpstr>
      <vt:lpstr>PowerPoint Presentation</vt:lpstr>
      <vt:lpstr>PowerPoint Presentation</vt:lpstr>
      <vt:lpstr>Trial Challenges</vt:lpstr>
      <vt:lpstr>Trial Successes</vt:lpstr>
      <vt:lpstr>PowerPoint Presentation</vt:lpstr>
    </vt:vector>
  </TitlesOfParts>
  <Company>The University of Liverpoo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ingfield, Thomas</dc:creator>
  <cp:lastModifiedBy>Gail Cross</cp:lastModifiedBy>
  <cp:revision>140</cp:revision>
  <dcterms:created xsi:type="dcterms:W3CDTF">2017-01-20T11:16:19Z</dcterms:created>
  <dcterms:modified xsi:type="dcterms:W3CDTF">2021-10-20T14:01:47Z</dcterms:modified>
</cp:coreProperties>
</file>